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AD15205A-809D-4DFF-9C04-9C07BEF7EC5B}" xr6:coauthVersionLast="47" xr6:coauthVersionMax="47" xr10:uidLastSave="{00000000-0000-0000-0000-000000000000}"/>
  <bookViews>
    <workbookView xWindow="-108" yWindow="-108" windowWidth="23256" windowHeight="12576" xr2:uid="{CAE4192D-A5D5-4174-9A0C-061A215BDE0D}"/>
  </bookViews>
  <sheets>
    <sheet name="５．人口（富山地域）" sheetId="1" r:id="rId1"/>
    <sheet name="５．人口（大沢野～細入）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03" uniqueCount="99">
  <si>
    <t>５．地 区 別 人 口  の 推 移</t>
    <rPh sb="2" eb="3">
      <t>チ</t>
    </rPh>
    <rPh sb="4" eb="5">
      <t>ク</t>
    </rPh>
    <rPh sb="6" eb="7">
      <t>ベツ</t>
    </rPh>
    <rPh sb="8" eb="9">
      <t>ヒト</t>
    </rPh>
    <rPh sb="10" eb="11">
      <t>クチ</t>
    </rPh>
    <rPh sb="15" eb="16">
      <t>スイ</t>
    </rPh>
    <rPh sb="17" eb="18">
      <t>ワタル</t>
    </rPh>
    <phoneticPr fontId="4"/>
  </si>
  <si>
    <t>各年９月末住民基本台帳人口</t>
    <rPh sb="0" eb="2">
      <t>カクネン</t>
    </rPh>
    <rPh sb="3" eb="5">
      <t>ガツマツ</t>
    </rPh>
    <rPh sb="5" eb="7">
      <t>ジュウミン</t>
    </rPh>
    <rPh sb="7" eb="9">
      <t>キホン</t>
    </rPh>
    <rPh sb="9" eb="11">
      <t>ダイチョウ</t>
    </rPh>
    <rPh sb="11" eb="13">
      <t>ジンコウ</t>
    </rPh>
    <phoneticPr fontId="4"/>
  </si>
  <si>
    <t>地区別</t>
    <rPh sb="0" eb="2">
      <t>チク</t>
    </rPh>
    <rPh sb="2" eb="3">
      <t>ベツ</t>
    </rPh>
    <phoneticPr fontId="4"/>
  </si>
  <si>
    <t>昭和55年</t>
    <rPh sb="0" eb="2">
      <t>ショウワ</t>
    </rPh>
    <rPh sb="4" eb="5">
      <t>ネン</t>
    </rPh>
    <phoneticPr fontId="4"/>
  </si>
  <si>
    <t>平成2年</t>
    <rPh sb="0" eb="2">
      <t>ヘイセイ</t>
    </rPh>
    <rPh sb="3" eb="4">
      <t>ネン</t>
    </rPh>
    <phoneticPr fontId="4"/>
  </si>
  <si>
    <t>令和元</t>
    <rPh sb="0" eb="2">
      <t>レイワ</t>
    </rPh>
    <rPh sb="2" eb="3">
      <t>ガン</t>
    </rPh>
    <phoneticPr fontId="4"/>
  </si>
  <si>
    <t>総数</t>
    <rPh sb="0" eb="2">
      <t>ソウスウ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  <rPh sb="0" eb="2">
      <t>コウヨウ</t>
    </rPh>
    <phoneticPr fontId="8"/>
  </si>
  <si>
    <t>-</t>
    <phoneticPr fontId="4"/>
  </si>
  <si>
    <t>-</t>
  </si>
  <si>
    <t>新庄北</t>
    <rPh sb="2" eb="3">
      <t>キタ</t>
    </rPh>
    <phoneticPr fontId="8"/>
  </si>
  <si>
    <t>５．地 区 別 人 口  の 推 移</t>
    <phoneticPr fontId="4"/>
  </si>
  <si>
    <t>大沢野地域計</t>
    <rPh sb="0" eb="3">
      <t>オオサワノ</t>
    </rPh>
    <rPh sb="3" eb="5">
      <t>チイキ</t>
    </rPh>
    <rPh sb="5" eb="6">
      <t>ケイ</t>
    </rPh>
    <phoneticPr fontId="4"/>
  </si>
  <si>
    <t>下タ</t>
    <rPh sb="0" eb="1">
      <t>シモ</t>
    </rPh>
    <phoneticPr fontId="4"/>
  </si>
  <si>
    <t>小羽</t>
    <rPh sb="0" eb="1">
      <t>ショウ</t>
    </rPh>
    <rPh sb="1" eb="2">
      <t>ハネ</t>
    </rPh>
    <phoneticPr fontId="4"/>
  </si>
  <si>
    <t>船峅</t>
    <rPh sb="0" eb="1">
      <t>フネ</t>
    </rPh>
    <rPh sb="1" eb="2">
      <t>クラ</t>
    </rPh>
    <phoneticPr fontId="4"/>
  </si>
  <si>
    <t>大沢野</t>
    <rPh sb="0" eb="3">
      <t>オオサワノ</t>
    </rPh>
    <phoneticPr fontId="4"/>
  </si>
  <si>
    <t>大久保</t>
    <rPh sb="0" eb="3">
      <t>オオクボ</t>
    </rPh>
    <phoneticPr fontId="4"/>
  </si>
  <si>
    <t>大山地域計</t>
    <rPh sb="0" eb="2">
      <t>オオヤマ</t>
    </rPh>
    <rPh sb="2" eb="4">
      <t>チイキ</t>
    </rPh>
    <rPh sb="4" eb="5">
      <t>ケイ</t>
    </rPh>
    <phoneticPr fontId="4"/>
  </si>
  <si>
    <t>上滝</t>
    <rPh sb="0" eb="2">
      <t>カミダキ</t>
    </rPh>
    <phoneticPr fontId="4"/>
  </si>
  <si>
    <t>大山</t>
    <rPh sb="0" eb="2">
      <t>オオヤマ</t>
    </rPh>
    <phoneticPr fontId="4"/>
  </si>
  <si>
    <t>大庄</t>
    <rPh sb="0" eb="2">
      <t>ダイショウ</t>
    </rPh>
    <phoneticPr fontId="4"/>
  </si>
  <si>
    <t>福沢</t>
    <rPh sb="0" eb="1">
      <t>フク</t>
    </rPh>
    <rPh sb="1" eb="2">
      <t>サワ</t>
    </rPh>
    <phoneticPr fontId="4"/>
  </si>
  <si>
    <t>八尾地域計</t>
    <rPh sb="0" eb="2">
      <t>ヤツオ</t>
    </rPh>
    <rPh sb="2" eb="4">
      <t>チイキ</t>
    </rPh>
    <rPh sb="4" eb="5">
      <t>ケイ</t>
    </rPh>
    <phoneticPr fontId="4"/>
  </si>
  <si>
    <t>八尾</t>
    <rPh sb="0" eb="2">
      <t>ヤツオ</t>
    </rPh>
    <phoneticPr fontId="4"/>
  </si>
  <si>
    <t>保内</t>
    <rPh sb="0" eb="1">
      <t>ホ</t>
    </rPh>
    <rPh sb="1" eb="2">
      <t>ウチ</t>
    </rPh>
    <phoneticPr fontId="4"/>
  </si>
  <si>
    <t>杉原</t>
    <rPh sb="0" eb="1">
      <t>スギ</t>
    </rPh>
    <rPh sb="1" eb="2">
      <t>ハラ</t>
    </rPh>
    <phoneticPr fontId="4"/>
  </si>
  <si>
    <t>卯花</t>
    <rPh sb="0" eb="1">
      <t>ウ</t>
    </rPh>
    <rPh sb="1" eb="2">
      <t>ハナ</t>
    </rPh>
    <phoneticPr fontId="4"/>
  </si>
  <si>
    <t>室牧</t>
    <rPh sb="0" eb="1">
      <t>ムロ</t>
    </rPh>
    <rPh sb="1" eb="2">
      <t>マキ</t>
    </rPh>
    <phoneticPr fontId="4"/>
  </si>
  <si>
    <t>黒瀬谷</t>
    <rPh sb="0" eb="1">
      <t>クロ</t>
    </rPh>
    <rPh sb="1" eb="2">
      <t>セ</t>
    </rPh>
    <rPh sb="2" eb="3">
      <t>タニ</t>
    </rPh>
    <phoneticPr fontId="4"/>
  </si>
  <si>
    <t>野積</t>
    <rPh sb="0" eb="1">
      <t>ノ</t>
    </rPh>
    <rPh sb="1" eb="2">
      <t>ツミ</t>
    </rPh>
    <phoneticPr fontId="4"/>
  </si>
  <si>
    <t>仁歩</t>
    <rPh sb="0" eb="1">
      <t>ジン</t>
    </rPh>
    <rPh sb="1" eb="2">
      <t>ホ</t>
    </rPh>
    <phoneticPr fontId="4"/>
  </si>
  <si>
    <t>大長谷</t>
    <rPh sb="0" eb="1">
      <t>オオ</t>
    </rPh>
    <rPh sb="1" eb="3">
      <t>ナガタニ</t>
    </rPh>
    <phoneticPr fontId="4"/>
  </si>
  <si>
    <t>婦中地域計</t>
    <rPh sb="0" eb="2">
      <t>フチュウ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4"/>
  </si>
  <si>
    <t>鵜坂</t>
    <rPh sb="0" eb="1">
      <t>ウ</t>
    </rPh>
    <rPh sb="1" eb="2">
      <t>サカ</t>
    </rPh>
    <phoneticPr fontId="4"/>
  </si>
  <si>
    <t>朝日</t>
    <rPh sb="0" eb="2">
      <t>アサヒ</t>
    </rPh>
    <phoneticPr fontId="4"/>
  </si>
  <si>
    <t>宮川</t>
    <rPh sb="0" eb="2">
      <t>ミヤカワ</t>
    </rPh>
    <phoneticPr fontId="4"/>
  </si>
  <si>
    <t>婦中熊野</t>
    <rPh sb="0" eb="2">
      <t>フチュウ</t>
    </rPh>
    <rPh sb="2" eb="4">
      <t>クマノ</t>
    </rPh>
    <phoneticPr fontId="4"/>
  </si>
  <si>
    <t>古里</t>
    <rPh sb="0" eb="2">
      <t>フルサト</t>
    </rPh>
    <phoneticPr fontId="4"/>
  </si>
  <si>
    <t>音川</t>
    <rPh sb="0" eb="1">
      <t>オト</t>
    </rPh>
    <rPh sb="1" eb="2">
      <t>カワ</t>
    </rPh>
    <phoneticPr fontId="4"/>
  </si>
  <si>
    <t>神保</t>
    <rPh sb="0" eb="1">
      <t>ジン</t>
    </rPh>
    <rPh sb="1" eb="2">
      <t>ホ</t>
    </rPh>
    <phoneticPr fontId="4"/>
  </si>
  <si>
    <t>山田地域計</t>
    <rPh sb="0" eb="2">
      <t>ヤマダ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4"/>
  </si>
  <si>
    <t>山田中部</t>
    <rPh sb="0" eb="2">
      <t>ヤマダ</t>
    </rPh>
    <rPh sb="2" eb="4">
      <t>チュウブ</t>
    </rPh>
    <phoneticPr fontId="4"/>
  </si>
  <si>
    <t>山田西部</t>
    <rPh sb="0" eb="2">
      <t>ヤマダ</t>
    </rPh>
    <rPh sb="2" eb="4">
      <t>セイブ</t>
    </rPh>
    <phoneticPr fontId="4"/>
  </si>
  <si>
    <t>山田東部</t>
    <rPh sb="0" eb="2">
      <t>ヤマダ</t>
    </rPh>
    <rPh sb="2" eb="4">
      <t>トウブ</t>
    </rPh>
    <phoneticPr fontId="4"/>
  </si>
  <si>
    <t>細入地域計</t>
    <rPh sb="0" eb="2">
      <t>ホソイリ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4"/>
  </si>
  <si>
    <t>細入南部</t>
    <rPh sb="0" eb="2">
      <t>ホソイリ</t>
    </rPh>
    <rPh sb="2" eb="4">
      <t>ナンブ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0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6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7" fillId="0" borderId="0" applyFont="0" applyFill="0" applyBorder="0" applyAlignment="0" applyProtection="0"/>
    <xf numFmtId="0" fontId="1" fillId="0" borderId="0">
      <alignment vertical="center"/>
    </xf>
    <xf numFmtId="0" fontId="5" fillId="0" borderId="0"/>
  </cellStyleXfs>
  <cellXfs count="75">
    <xf numFmtId="0" fontId="0" fillId="0" borderId="0" xfId="0">
      <alignment vertical="center"/>
    </xf>
    <xf numFmtId="0" fontId="2" fillId="0" borderId="0" xfId="2" applyFont="1">
      <alignment vertical="center"/>
    </xf>
    <xf numFmtId="38" fontId="1" fillId="0" borderId="0" xfId="2" applyNumberFormat="1">
      <alignment vertical="center"/>
    </xf>
    <xf numFmtId="0" fontId="1" fillId="0" borderId="0" xfId="2">
      <alignment vertical="center"/>
    </xf>
    <xf numFmtId="0" fontId="1" fillId="0" borderId="0" xfId="2" applyAlignment="1">
      <alignment horizontal="right" vertical="center"/>
    </xf>
    <xf numFmtId="0" fontId="5" fillId="0" borderId="1" xfId="2" applyFont="1" applyBorder="1" applyAlignment="1">
      <alignment horizontal="distributed" vertical="center"/>
    </xf>
    <xf numFmtId="0" fontId="5" fillId="0" borderId="2" xfId="2" applyFont="1" applyBorder="1" applyAlignment="1">
      <alignment horizontal="center" vertical="center"/>
    </xf>
    <xf numFmtId="0" fontId="5" fillId="0" borderId="3" xfId="2" applyFont="1" applyBorder="1" applyAlignment="1">
      <alignment horizontal="center" vertical="center"/>
    </xf>
    <xf numFmtId="0" fontId="5" fillId="0" borderId="4" xfId="2" applyFont="1" applyBorder="1" applyAlignment="1">
      <alignment horizontal="center" vertical="center"/>
    </xf>
    <xf numFmtId="0" fontId="6" fillId="0" borderId="1" xfId="2" applyFont="1" applyBorder="1" applyAlignment="1">
      <alignment horizontal="distributed" vertical="center"/>
    </xf>
    <xf numFmtId="38" fontId="6" fillId="0" borderId="2" xfId="1" applyFont="1" applyBorder="1" applyAlignment="1">
      <alignment vertical="center"/>
    </xf>
    <xf numFmtId="38" fontId="6" fillId="0" borderId="3" xfId="1" applyFont="1" applyBorder="1" applyAlignment="1">
      <alignment vertical="center"/>
    </xf>
    <xf numFmtId="38" fontId="6" fillId="0" borderId="4" xfId="1" applyFont="1" applyBorder="1" applyAlignment="1">
      <alignment vertical="center"/>
    </xf>
    <xf numFmtId="38" fontId="6" fillId="0" borderId="5" xfId="1" applyFont="1" applyBorder="1" applyAlignment="1">
      <alignment vertical="center"/>
    </xf>
    <xf numFmtId="0" fontId="5" fillId="0" borderId="6" xfId="3" applyBorder="1" applyAlignment="1">
      <alignment horizontal="distributed" vertical="center"/>
    </xf>
    <xf numFmtId="38" fontId="5" fillId="0" borderId="7" xfId="1" applyFont="1" applyBorder="1" applyAlignment="1">
      <alignment vertical="center"/>
    </xf>
    <xf numFmtId="38" fontId="5" fillId="0" borderId="8" xfId="1" applyFont="1" applyBorder="1" applyAlignment="1">
      <alignment vertical="center"/>
    </xf>
    <xf numFmtId="38" fontId="5" fillId="0" borderId="9" xfId="1" applyFont="1" applyBorder="1" applyAlignment="1">
      <alignment vertical="center"/>
    </xf>
    <xf numFmtId="38" fontId="5" fillId="0" borderId="10" xfId="1" applyFont="1" applyBorder="1" applyAlignment="1">
      <alignment vertical="center"/>
    </xf>
    <xf numFmtId="38" fontId="5" fillId="0" borderId="11" xfId="1" applyFont="1" applyBorder="1" applyAlignment="1">
      <alignment vertical="center"/>
    </xf>
    <xf numFmtId="38" fontId="5" fillId="0" borderId="12" xfId="1" applyFont="1" applyBorder="1" applyAlignment="1">
      <alignment vertical="center"/>
    </xf>
    <xf numFmtId="0" fontId="5" fillId="0" borderId="13" xfId="3" applyBorder="1" applyAlignment="1">
      <alignment horizontal="distributed" vertical="center"/>
    </xf>
    <xf numFmtId="38" fontId="5" fillId="0" borderId="14" xfId="1" applyFont="1" applyBorder="1" applyAlignment="1">
      <alignment vertical="center"/>
    </xf>
    <xf numFmtId="38" fontId="5" fillId="0" borderId="15" xfId="1" applyFont="1" applyBorder="1" applyAlignment="1">
      <alignment vertical="center"/>
    </xf>
    <xf numFmtId="38" fontId="5" fillId="0" borderId="16" xfId="1" applyFont="1" applyBorder="1" applyAlignment="1">
      <alignment vertical="center"/>
    </xf>
    <xf numFmtId="38" fontId="5" fillId="0" borderId="17" xfId="1" applyFont="1" applyBorder="1" applyAlignment="1">
      <alignment vertical="center"/>
    </xf>
    <xf numFmtId="38" fontId="5" fillId="0" borderId="18" xfId="1" applyFont="1" applyBorder="1" applyAlignment="1">
      <alignment vertical="center"/>
    </xf>
    <xf numFmtId="38" fontId="5" fillId="0" borderId="19" xfId="1" applyFont="1" applyBorder="1" applyAlignment="1">
      <alignment vertical="center"/>
    </xf>
    <xf numFmtId="38" fontId="5" fillId="0" borderId="20" xfId="1" applyFont="1" applyBorder="1" applyAlignment="1">
      <alignment vertical="center"/>
    </xf>
    <xf numFmtId="38" fontId="5" fillId="0" borderId="21" xfId="1" applyFont="1" applyBorder="1" applyAlignment="1">
      <alignment vertical="center"/>
    </xf>
    <xf numFmtId="38" fontId="5" fillId="0" borderId="22" xfId="1" applyFont="1" applyBorder="1" applyAlignment="1">
      <alignment vertical="center"/>
    </xf>
    <xf numFmtId="38" fontId="5" fillId="0" borderId="23" xfId="1" applyFont="1" applyBorder="1" applyAlignment="1">
      <alignment vertical="center"/>
    </xf>
    <xf numFmtId="38" fontId="5" fillId="0" borderId="20" xfId="1" applyFont="1" applyBorder="1" applyAlignment="1">
      <alignment horizontal="right" vertical="center"/>
    </xf>
    <xf numFmtId="38" fontId="5" fillId="0" borderId="15" xfId="1" applyFont="1" applyFill="1" applyBorder="1" applyAlignment="1">
      <alignment vertical="center"/>
    </xf>
    <xf numFmtId="38" fontId="5" fillId="0" borderId="24" xfId="1" applyFont="1" applyBorder="1" applyAlignment="1">
      <alignment vertical="center"/>
    </xf>
    <xf numFmtId="0" fontId="5" fillId="0" borderId="25" xfId="3" applyBorder="1" applyAlignment="1">
      <alignment horizontal="distributed" vertical="center"/>
    </xf>
    <xf numFmtId="38" fontId="5" fillId="0" borderId="22" xfId="1" applyFont="1" applyBorder="1" applyAlignment="1">
      <alignment horizontal="center" vertical="center"/>
    </xf>
    <xf numFmtId="38" fontId="5" fillId="0" borderId="21" xfId="1" applyFont="1" applyBorder="1" applyAlignment="1">
      <alignment horizontal="center" vertical="center"/>
    </xf>
    <xf numFmtId="38" fontId="5" fillId="0" borderId="21" xfId="1" applyFont="1" applyBorder="1" applyAlignment="1">
      <alignment horizontal="right" vertical="center"/>
    </xf>
    <xf numFmtId="38" fontId="5" fillId="0" borderId="23" xfId="1" applyFont="1" applyBorder="1" applyAlignment="1">
      <alignment horizontal="right" vertical="center"/>
    </xf>
    <xf numFmtId="0" fontId="5" fillId="0" borderId="26" xfId="3" applyBorder="1" applyAlignment="1">
      <alignment horizontal="distributed" vertical="center"/>
    </xf>
    <xf numFmtId="38" fontId="5" fillId="0" borderId="27" xfId="1" applyFont="1" applyBorder="1" applyAlignment="1">
      <alignment horizontal="center" vertical="center"/>
    </xf>
    <xf numFmtId="38" fontId="5" fillId="0" borderId="28" xfId="1" applyFont="1" applyBorder="1" applyAlignment="1">
      <alignment horizontal="center" vertical="center"/>
    </xf>
    <xf numFmtId="38" fontId="5" fillId="0" borderId="28" xfId="1" applyFont="1" applyBorder="1" applyAlignment="1">
      <alignment horizontal="right" vertical="center"/>
    </xf>
    <xf numFmtId="38" fontId="5" fillId="0" borderId="29" xfId="1" applyFont="1" applyBorder="1" applyAlignment="1">
      <alignment vertical="center"/>
    </xf>
    <xf numFmtId="38" fontId="6" fillId="0" borderId="2" xfId="1" applyFont="1" applyBorder="1" applyAlignment="1">
      <alignment horizontal="center" vertical="center"/>
    </xf>
    <xf numFmtId="38" fontId="6" fillId="0" borderId="3" xfId="1" applyFont="1" applyBorder="1" applyAlignment="1">
      <alignment horizontal="center" vertical="center"/>
    </xf>
    <xf numFmtId="38" fontId="6" fillId="0" borderId="3" xfId="1" applyFont="1" applyBorder="1" applyAlignment="1">
      <alignment horizontal="right" vertical="center"/>
    </xf>
    <xf numFmtId="38" fontId="5" fillId="0" borderId="14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8" xfId="1" applyFont="1" applyBorder="1" applyAlignment="1">
      <alignment horizontal="right" vertical="center"/>
    </xf>
    <xf numFmtId="38" fontId="5" fillId="0" borderId="9" xfId="1" applyFont="1" applyBorder="1" applyAlignment="1">
      <alignment horizontal="right" vertical="center"/>
    </xf>
    <xf numFmtId="38" fontId="5" fillId="0" borderId="20" xfId="1" applyFont="1" applyBorder="1" applyAlignment="1">
      <alignment horizontal="center" vertical="center"/>
    </xf>
    <xf numFmtId="38" fontId="5" fillId="0" borderId="15" xfId="1" applyFont="1" applyBorder="1" applyAlignment="1">
      <alignment horizontal="center" vertical="center"/>
    </xf>
    <xf numFmtId="38" fontId="5" fillId="0" borderId="15" xfId="1" applyFont="1" applyBorder="1" applyAlignment="1">
      <alignment horizontal="right" vertical="center"/>
    </xf>
    <xf numFmtId="38" fontId="5" fillId="0" borderId="16" xfId="1" applyFont="1" applyBorder="1" applyAlignment="1">
      <alignment horizontal="right" vertical="center"/>
    </xf>
    <xf numFmtId="38" fontId="5" fillId="0" borderId="29" xfId="1" applyFont="1" applyBorder="1" applyAlignment="1">
      <alignment horizontal="right" vertical="center"/>
    </xf>
    <xf numFmtId="38" fontId="5" fillId="0" borderId="28" xfId="1" applyFont="1" applyBorder="1" applyAlignment="1">
      <alignment vertical="center"/>
    </xf>
    <xf numFmtId="38" fontId="5" fillId="0" borderId="27" xfId="1" applyFont="1" applyBorder="1" applyAlignment="1">
      <alignment vertical="center"/>
    </xf>
    <xf numFmtId="0" fontId="1" fillId="0" borderId="30" xfId="2" applyBorder="1">
      <alignment vertical="center"/>
    </xf>
    <xf numFmtId="0" fontId="5" fillId="0" borderId="31" xfId="2" applyFont="1" applyBorder="1" applyAlignment="1">
      <alignment horizontal="center" vertical="center"/>
    </xf>
    <xf numFmtId="38" fontId="5" fillId="0" borderId="32" xfId="1" applyFont="1" applyBorder="1" applyAlignment="1">
      <alignment vertical="center"/>
    </xf>
    <xf numFmtId="38" fontId="5" fillId="0" borderId="33" xfId="1" applyFont="1" applyBorder="1" applyAlignment="1">
      <alignment vertical="center"/>
    </xf>
    <xf numFmtId="38" fontId="5" fillId="0" borderId="34" xfId="1" applyFont="1" applyBorder="1" applyAlignment="1">
      <alignment vertical="center"/>
    </xf>
    <xf numFmtId="38" fontId="5" fillId="0" borderId="35" xfId="1" applyFont="1" applyBorder="1" applyAlignment="1">
      <alignment vertical="center"/>
    </xf>
    <xf numFmtId="38" fontId="5" fillId="0" borderId="36" xfId="1" applyFont="1" applyBorder="1" applyAlignment="1">
      <alignment vertical="center"/>
    </xf>
    <xf numFmtId="38" fontId="5" fillId="0" borderId="37" xfId="1" applyFont="1" applyBorder="1" applyAlignment="1">
      <alignment vertical="center"/>
    </xf>
    <xf numFmtId="0" fontId="5" fillId="0" borderId="38" xfId="2" applyFont="1" applyBorder="1" applyAlignment="1">
      <alignment horizontal="center" vertical="center"/>
    </xf>
    <xf numFmtId="38" fontId="6" fillId="0" borderId="31" xfId="1" applyFont="1" applyBorder="1" applyAlignment="1">
      <alignment vertical="center"/>
    </xf>
    <xf numFmtId="38" fontId="5" fillId="0" borderId="32" xfId="1" applyFont="1" applyBorder="1" applyAlignment="1">
      <alignment horizontal="right" vertical="center"/>
    </xf>
    <xf numFmtId="38" fontId="5" fillId="0" borderId="34" xfId="1" applyFont="1" applyBorder="1" applyAlignment="1">
      <alignment horizontal="right" vertical="center"/>
    </xf>
    <xf numFmtId="38" fontId="5" fillId="0" borderId="37" xfId="1" applyFont="1" applyBorder="1" applyAlignment="1">
      <alignment horizontal="right" vertical="center"/>
    </xf>
    <xf numFmtId="38" fontId="5" fillId="0" borderId="10" xfId="1" applyFont="1" applyBorder="1" applyAlignment="1">
      <alignment horizontal="right" vertical="center"/>
    </xf>
    <xf numFmtId="0" fontId="2" fillId="0" borderId="0" xfId="2" applyFont="1" applyAlignment="1">
      <alignment horizontal="center" vertical="center"/>
    </xf>
    <xf numFmtId="0" fontId="2" fillId="0" borderId="0" xfId="2" applyFont="1" applyAlignment="1">
      <alignment horizontal="left" vertical="center"/>
    </xf>
  </cellXfs>
  <cellStyles count="4">
    <cellStyle name="桁区切り" xfId="1" builtinId="6"/>
    <cellStyle name="標準" xfId="0" builtinId="0"/>
    <cellStyle name="標準_校下表" xfId="3" xr:uid="{A3788DDE-C187-4375-9FEF-696679FCB121}"/>
    <cellStyle name="標準_地区別世帯数(H15)" xfId="2" xr:uid="{748AD800-41B5-40DD-A4A2-91C01481337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597E12-498A-4102-8E52-E060DBE07121}">
  <sheetPr codeName="Sheet99">
    <pageSetUpPr fitToPage="1"/>
  </sheetPr>
  <dimension ref="A1:Q56"/>
  <sheetViews>
    <sheetView tabSelected="1" zoomScaleNormal="100" zoomScaleSheetLayoutView="70" workbookViewId="0">
      <pane xSplit="1" ySplit="3" topLeftCell="B4" activePane="bottomRight" state="frozen"/>
      <selection sqref="A1:M1"/>
      <selection pane="topRight" sqref="A1:M1"/>
      <selection pane="bottomLeft" sqref="A1:M1"/>
      <selection pane="bottomRight" sqref="A1:D1"/>
    </sheetView>
  </sheetViews>
  <sheetFormatPr defaultColWidth="9" defaultRowHeight="15" customHeight="1" x14ac:dyDescent="0.4"/>
  <cols>
    <col min="1" max="1" width="13.6640625" style="3" customWidth="1"/>
    <col min="2" max="17" width="12.6640625" style="3" customWidth="1"/>
    <col min="18" max="16384" width="9" style="3"/>
  </cols>
  <sheetData>
    <row r="1" spans="1:17" ht="43.5" customHeight="1" x14ac:dyDescent="0.4">
      <c r="A1" s="73" t="s">
        <v>0</v>
      </c>
      <c r="B1" s="73"/>
      <c r="C1" s="73"/>
      <c r="D1" s="73"/>
      <c r="E1" s="1"/>
      <c r="F1" s="1"/>
      <c r="G1" s="1"/>
      <c r="H1" s="1"/>
      <c r="I1" s="1"/>
      <c r="J1" s="2"/>
      <c r="K1" s="2"/>
      <c r="L1" s="2"/>
      <c r="M1" s="2"/>
      <c r="N1" s="2"/>
      <c r="O1" s="2"/>
      <c r="P1" s="2"/>
      <c r="Q1" s="2"/>
    </row>
    <row r="2" spans="1:17" ht="28.5" customHeight="1" x14ac:dyDescent="0.4">
      <c r="J2" s="2"/>
      <c r="K2" s="2"/>
      <c r="L2" s="2"/>
      <c r="M2" s="2"/>
      <c r="N2" s="2"/>
      <c r="O2" s="2"/>
      <c r="Q2" s="4" t="s">
        <v>1</v>
      </c>
    </row>
    <row r="3" spans="1:17" ht="20.100000000000001" customHeight="1" x14ac:dyDescent="0.4">
      <c r="A3" s="5" t="s">
        <v>2</v>
      </c>
      <c r="B3" s="6" t="s">
        <v>3</v>
      </c>
      <c r="C3" s="7">
        <v>60</v>
      </c>
      <c r="D3" s="7" t="s">
        <v>4</v>
      </c>
      <c r="E3" s="7">
        <v>7</v>
      </c>
      <c r="F3" s="7">
        <v>12</v>
      </c>
      <c r="G3" s="7">
        <v>17</v>
      </c>
      <c r="H3" s="7">
        <v>22</v>
      </c>
      <c r="I3" s="8">
        <v>27</v>
      </c>
      <c r="J3" s="8">
        <v>28</v>
      </c>
      <c r="K3" s="8">
        <v>29</v>
      </c>
      <c r="L3" s="7">
        <v>30</v>
      </c>
      <c r="M3" s="7" t="s">
        <v>5</v>
      </c>
      <c r="N3" s="7">
        <v>2</v>
      </c>
      <c r="O3" s="8">
        <v>3</v>
      </c>
      <c r="P3" s="7">
        <v>4</v>
      </c>
      <c r="Q3" s="60">
        <v>5</v>
      </c>
    </row>
    <row r="4" spans="1:17" ht="20.100000000000001" customHeight="1" x14ac:dyDescent="0.4">
      <c r="A4" s="9" t="s">
        <v>6</v>
      </c>
      <c r="B4" s="10">
        <v>303930</v>
      </c>
      <c r="C4" s="10">
        <v>312666</v>
      </c>
      <c r="D4" s="10">
        <v>318867</v>
      </c>
      <c r="E4" s="10">
        <v>322278</v>
      </c>
      <c r="F4" s="10">
        <v>322676</v>
      </c>
      <c r="G4" s="10">
        <v>418563</v>
      </c>
      <c r="H4" s="10">
        <v>417714</v>
      </c>
      <c r="I4" s="11">
        <v>418957</v>
      </c>
      <c r="J4" s="11">
        <v>418495</v>
      </c>
      <c r="K4" s="11">
        <v>417922</v>
      </c>
      <c r="L4" s="11">
        <v>417625</v>
      </c>
      <c r="M4" s="11">
        <v>416175</v>
      </c>
      <c r="N4" s="12">
        <v>414354</v>
      </c>
      <c r="O4" s="13">
        <v>411956</v>
      </c>
      <c r="P4" s="13">
        <v>409580</v>
      </c>
      <c r="Q4" s="13">
        <v>407058</v>
      </c>
    </row>
    <row r="5" spans="1:17" ht="20.100000000000001" customHeight="1" x14ac:dyDescent="0.4">
      <c r="A5" s="9" t="s">
        <v>7</v>
      </c>
      <c r="B5" s="10">
        <v>303930</v>
      </c>
      <c r="C5" s="10">
        <v>312666</v>
      </c>
      <c r="D5" s="10">
        <v>318867</v>
      </c>
      <c r="E5" s="10">
        <v>322278</v>
      </c>
      <c r="F5" s="10">
        <v>322676</v>
      </c>
      <c r="G5" s="10">
        <v>321861</v>
      </c>
      <c r="H5" s="10">
        <v>319164</v>
      </c>
      <c r="I5" s="10">
        <v>321604</v>
      </c>
      <c r="J5" s="10">
        <v>321611</v>
      </c>
      <c r="K5" s="10">
        <v>321399</v>
      </c>
      <c r="L5" s="10">
        <v>321348</v>
      </c>
      <c r="M5" s="10">
        <v>320774</v>
      </c>
      <c r="N5" s="12">
        <v>319860</v>
      </c>
      <c r="O5" s="13">
        <v>318441</v>
      </c>
      <c r="P5" s="13">
        <v>316959</v>
      </c>
      <c r="Q5" s="13">
        <v>315470</v>
      </c>
    </row>
    <row r="6" spans="1:17" ht="20.100000000000001" customHeight="1" x14ac:dyDescent="0.4">
      <c r="A6" s="14" t="s">
        <v>8</v>
      </c>
      <c r="B6" s="15">
        <v>3476</v>
      </c>
      <c r="C6" s="16">
        <v>3076</v>
      </c>
      <c r="D6" s="16">
        <v>2655</v>
      </c>
      <c r="E6" s="16">
        <v>2265</v>
      </c>
      <c r="F6" s="16">
        <v>1976</v>
      </c>
      <c r="G6" s="16">
        <v>1844</v>
      </c>
      <c r="H6" s="16">
        <v>1864</v>
      </c>
      <c r="I6" s="17">
        <v>2055</v>
      </c>
      <c r="J6" s="17">
        <v>2142</v>
      </c>
      <c r="K6" s="18">
        <v>2045</v>
      </c>
      <c r="L6" s="18">
        <v>2060</v>
      </c>
      <c r="M6" s="19">
        <v>2275</v>
      </c>
      <c r="N6" s="20">
        <v>2399</v>
      </c>
      <c r="O6" s="20">
        <v>2371</v>
      </c>
      <c r="P6" s="18">
        <v>2369</v>
      </c>
      <c r="Q6" s="61">
        <v>2314</v>
      </c>
    </row>
    <row r="7" spans="1:17" ht="20.100000000000001" customHeight="1" x14ac:dyDescent="0.4">
      <c r="A7" s="21" t="s">
        <v>9</v>
      </c>
      <c r="B7" s="22">
        <v>5799</v>
      </c>
      <c r="C7" s="23">
        <v>5269</v>
      </c>
      <c r="D7" s="23">
        <v>4868</v>
      </c>
      <c r="E7" s="23">
        <v>4346</v>
      </c>
      <c r="F7" s="23">
        <v>4533</v>
      </c>
      <c r="G7" s="23">
        <v>4425</v>
      </c>
      <c r="H7" s="23">
        <v>4303</v>
      </c>
      <c r="I7" s="24">
        <v>4189</v>
      </c>
      <c r="J7" s="24">
        <v>4251</v>
      </c>
      <c r="K7" s="25">
        <v>4449</v>
      </c>
      <c r="L7" s="25">
        <v>4404</v>
      </c>
      <c r="M7" s="26">
        <v>4594</v>
      </c>
      <c r="N7" s="27">
        <v>4653</v>
      </c>
      <c r="O7" s="27">
        <v>4632</v>
      </c>
      <c r="P7" s="25">
        <v>4655</v>
      </c>
      <c r="Q7" s="62">
        <v>4608</v>
      </c>
    </row>
    <row r="8" spans="1:17" ht="20.100000000000001" customHeight="1" x14ac:dyDescent="0.4">
      <c r="A8" s="21" t="s">
        <v>10</v>
      </c>
      <c r="B8" s="28">
        <v>4428</v>
      </c>
      <c r="C8" s="28">
        <v>4098</v>
      </c>
      <c r="D8" s="28">
        <v>3805</v>
      </c>
      <c r="E8" s="28">
        <v>3550</v>
      </c>
      <c r="F8" s="28">
        <v>3202</v>
      </c>
      <c r="G8" s="28">
        <v>3036</v>
      </c>
      <c r="H8" s="28">
        <v>3090</v>
      </c>
      <c r="I8" s="28">
        <v>3010</v>
      </c>
      <c r="J8" s="28">
        <v>2990</v>
      </c>
      <c r="K8" s="28">
        <v>3012</v>
      </c>
      <c r="L8" s="28">
        <v>2969</v>
      </c>
      <c r="M8" s="28">
        <v>2889</v>
      </c>
      <c r="N8" s="24">
        <v>2884</v>
      </c>
      <c r="O8" s="24">
        <v>2814</v>
      </c>
      <c r="P8" s="23">
        <v>2759</v>
      </c>
      <c r="Q8" s="63">
        <v>2697</v>
      </c>
    </row>
    <row r="9" spans="1:17" ht="20.100000000000001" customHeight="1" x14ac:dyDescent="0.4">
      <c r="A9" s="21" t="s">
        <v>11</v>
      </c>
      <c r="B9" s="28">
        <v>2946</v>
      </c>
      <c r="C9" s="23">
        <v>2748</v>
      </c>
      <c r="D9" s="23">
        <v>2474</v>
      </c>
      <c r="E9" s="23">
        <v>2202</v>
      </c>
      <c r="F9" s="23">
        <v>1919</v>
      </c>
      <c r="G9" s="23">
        <v>1671</v>
      </c>
      <c r="H9" s="23">
        <v>1678</v>
      </c>
      <c r="I9" s="24">
        <v>1898</v>
      </c>
      <c r="J9" s="24">
        <v>1942</v>
      </c>
      <c r="K9" s="23">
        <v>1949</v>
      </c>
      <c r="L9" s="23">
        <v>1923</v>
      </c>
      <c r="M9" s="28">
        <v>1876</v>
      </c>
      <c r="N9" s="24">
        <v>1844</v>
      </c>
      <c r="O9" s="24">
        <v>1815</v>
      </c>
      <c r="P9" s="23">
        <v>1783</v>
      </c>
      <c r="Q9" s="63">
        <v>1771</v>
      </c>
    </row>
    <row r="10" spans="1:17" ht="20.100000000000001" customHeight="1" x14ac:dyDescent="0.4">
      <c r="A10" s="21" t="s">
        <v>12</v>
      </c>
      <c r="B10" s="28">
        <v>4636</v>
      </c>
      <c r="C10" s="23">
        <v>4259</v>
      </c>
      <c r="D10" s="23">
        <v>3797</v>
      </c>
      <c r="E10" s="23">
        <v>3585</v>
      </c>
      <c r="F10" s="23">
        <v>3278</v>
      </c>
      <c r="G10" s="23">
        <v>3164</v>
      </c>
      <c r="H10" s="23">
        <v>3200</v>
      </c>
      <c r="I10" s="24">
        <v>3400</v>
      </c>
      <c r="J10" s="24">
        <v>3397</v>
      </c>
      <c r="K10" s="25">
        <v>3369</v>
      </c>
      <c r="L10" s="25">
        <v>3417</v>
      </c>
      <c r="M10" s="26">
        <v>3373</v>
      </c>
      <c r="N10" s="17">
        <v>3404</v>
      </c>
      <c r="O10" s="17">
        <v>3385</v>
      </c>
      <c r="P10" s="16">
        <v>3400</v>
      </c>
      <c r="Q10" s="64">
        <v>3460</v>
      </c>
    </row>
    <row r="11" spans="1:17" ht="20.100000000000001" customHeight="1" x14ac:dyDescent="0.4">
      <c r="A11" s="21" t="s">
        <v>13</v>
      </c>
      <c r="B11" s="28">
        <v>8865</v>
      </c>
      <c r="C11" s="23">
        <v>8252</v>
      </c>
      <c r="D11" s="23">
        <v>7699</v>
      </c>
      <c r="E11" s="23">
        <v>7379</v>
      </c>
      <c r="F11" s="23">
        <v>6765</v>
      </c>
      <c r="G11" s="23">
        <v>6549</v>
      </c>
      <c r="H11" s="23">
        <v>6256</v>
      </c>
      <c r="I11" s="24">
        <v>6165</v>
      </c>
      <c r="J11" s="24">
        <v>6076</v>
      </c>
      <c r="K11" s="29">
        <v>6078</v>
      </c>
      <c r="L11" s="29">
        <v>5990</v>
      </c>
      <c r="M11" s="30">
        <v>6070</v>
      </c>
      <c r="N11" s="31">
        <v>6017</v>
      </c>
      <c r="O11" s="31">
        <v>5957</v>
      </c>
      <c r="P11" s="29">
        <v>5898</v>
      </c>
      <c r="Q11" s="65">
        <v>5915</v>
      </c>
    </row>
    <row r="12" spans="1:17" ht="20.100000000000001" customHeight="1" x14ac:dyDescent="0.4">
      <c r="A12" s="21" t="s">
        <v>14</v>
      </c>
      <c r="B12" s="28">
        <v>6709</v>
      </c>
      <c r="C12" s="23">
        <v>6266</v>
      </c>
      <c r="D12" s="23">
        <v>6094</v>
      </c>
      <c r="E12" s="23">
        <v>5732</v>
      </c>
      <c r="F12" s="23">
        <v>5064</v>
      </c>
      <c r="G12" s="23">
        <v>4624</v>
      </c>
      <c r="H12" s="23">
        <v>4468</v>
      </c>
      <c r="I12" s="24">
        <v>4300</v>
      </c>
      <c r="J12" s="24">
        <v>4256</v>
      </c>
      <c r="K12" s="29">
        <v>4279</v>
      </c>
      <c r="L12" s="29">
        <v>4267</v>
      </c>
      <c r="M12" s="30">
        <v>4235</v>
      </c>
      <c r="N12" s="31">
        <v>4210</v>
      </c>
      <c r="O12" s="31">
        <v>4161</v>
      </c>
      <c r="P12" s="29">
        <v>4092</v>
      </c>
      <c r="Q12" s="65">
        <v>4035</v>
      </c>
    </row>
    <row r="13" spans="1:17" ht="20.100000000000001" customHeight="1" x14ac:dyDescent="0.4">
      <c r="A13" s="21" t="s">
        <v>15</v>
      </c>
      <c r="B13" s="28">
        <v>4276</v>
      </c>
      <c r="C13" s="23">
        <v>3891</v>
      </c>
      <c r="D13" s="23">
        <v>3542</v>
      </c>
      <c r="E13" s="23">
        <v>3382</v>
      </c>
      <c r="F13" s="23">
        <v>3077</v>
      </c>
      <c r="G13" s="23">
        <v>2882</v>
      </c>
      <c r="H13" s="23">
        <v>2677</v>
      </c>
      <c r="I13" s="24">
        <v>2539</v>
      </c>
      <c r="J13" s="24">
        <v>2516</v>
      </c>
      <c r="K13" s="29">
        <v>2508</v>
      </c>
      <c r="L13" s="29">
        <v>2510</v>
      </c>
      <c r="M13" s="30">
        <v>2540</v>
      </c>
      <c r="N13" s="31">
        <v>2482</v>
      </c>
      <c r="O13" s="31">
        <v>2585</v>
      </c>
      <c r="P13" s="29">
        <v>2580</v>
      </c>
      <c r="Q13" s="65">
        <v>2564</v>
      </c>
    </row>
    <row r="14" spans="1:17" ht="20.100000000000001" customHeight="1" x14ac:dyDescent="0.4">
      <c r="A14" s="21" t="s">
        <v>16</v>
      </c>
      <c r="B14" s="28">
        <v>10916</v>
      </c>
      <c r="C14" s="23">
        <v>10710</v>
      </c>
      <c r="D14" s="23">
        <v>10540</v>
      </c>
      <c r="E14" s="23">
        <v>10312</v>
      </c>
      <c r="F14" s="23">
        <v>10043</v>
      </c>
      <c r="G14" s="23">
        <v>6756</v>
      </c>
      <c r="H14" s="23">
        <v>6548</v>
      </c>
      <c r="I14" s="24">
        <v>6462</v>
      </c>
      <c r="J14" s="24">
        <v>6437</v>
      </c>
      <c r="K14" s="29">
        <v>6405</v>
      </c>
      <c r="L14" s="29">
        <v>6374</v>
      </c>
      <c r="M14" s="30">
        <v>6591</v>
      </c>
      <c r="N14" s="31">
        <v>6558</v>
      </c>
      <c r="O14" s="31">
        <v>6499</v>
      </c>
      <c r="P14" s="29">
        <v>6455</v>
      </c>
      <c r="Q14" s="65">
        <v>6504</v>
      </c>
    </row>
    <row r="15" spans="1:17" ht="20.100000000000001" customHeight="1" x14ac:dyDescent="0.4">
      <c r="A15" s="21" t="s">
        <v>17</v>
      </c>
      <c r="B15" s="28">
        <v>13390</v>
      </c>
      <c r="C15" s="23">
        <v>13646</v>
      </c>
      <c r="D15" s="23">
        <v>13715</v>
      </c>
      <c r="E15" s="23">
        <v>14150</v>
      </c>
      <c r="F15" s="23">
        <v>13910</v>
      </c>
      <c r="G15" s="23">
        <v>11759</v>
      </c>
      <c r="H15" s="23">
        <v>11655</v>
      </c>
      <c r="I15" s="24">
        <v>11633</v>
      </c>
      <c r="J15" s="24">
        <v>11780</v>
      </c>
      <c r="K15" s="29">
        <v>11845</v>
      </c>
      <c r="L15" s="29">
        <v>11966</v>
      </c>
      <c r="M15" s="30">
        <v>11867</v>
      </c>
      <c r="N15" s="31">
        <v>11960</v>
      </c>
      <c r="O15" s="31">
        <v>11847</v>
      </c>
      <c r="P15" s="29">
        <v>11801</v>
      </c>
      <c r="Q15" s="65">
        <v>11724</v>
      </c>
    </row>
    <row r="16" spans="1:17" ht="20.100000000000001" customHeight="1" x14ac:dyDescent="0.4">
      <c r="A16" s="21" t="s">
        <v>18</v>
      </c>
      <c r="B16" s="32">
        <v>9792</v>
      </c>
      <c r="C16" s="23">
        <v>10533</v>
      </c>
      <c r="D16" s="23">
        <v>11371</v>
      </c>
      <c r="E16" s="23">
        <v>11639</v>
      </c>
      <c r="F16" s="23">
        <v>12319</v>
      </c>
      <c r="G16" s="23">
        <v>12828</v>
      </c>
      <c r="H16" s="23">
        <v>13371</v>
      </c>
      <c r="I16" s="24">
        <v>14688</v>
      </c>
      <c r="J16" s="24">
        <v>14856</v>
      </c>
      <c r="K16" s="29">
        <v>14924</v>
      </c>
      <c r="L16" s="29">
        <v>15008</v>
      </c>
      <c r="M16" s="30">
        <v>15018</v>
      </c>
      <c r="N16" s="31">
        <v>15057</v>
      </c>
      <c r="O16" s="31">
        <v>15121</v>
      </c>
      <c r="P16" s="29">
        <v>15102</v>
      </c>
      <c r="Q16" s="65">
        <v>15234</v>
      </c>
    </row>
    <row r="17" spans="1:17" ht="20.100000000000001" customHeight="1" x14ac:dyDescent="0.4">
      <c r="A17" s="21" t="s">
        <v>19</v>
      </c>
      <c r="B17" s="28">
        <v>11462</v>
      </c>
      <c r="C17" s="23">
        <v>11227</v>
      </c>
      <c r="D17" s="23">
        <v>10959</v>
      </c>
      <c r="E17" s="23">
        <v>10267</v>
      </c>
      <c r="F17" s="23">
        <v>9430</v>
      </c>
      <c r="G17" s="23">
        <v>9056</v>
      </c>
      <c r="H17" s="23">
        <v>8638</v>
      </c>
      <c r="I17" s="24">
        <v>8420</v>
      </c>
      <c r="J17" s="24">
        <v>8364</v>
      </c>
      <c r="K17" s="29">
        <v>8372</v>
      </c>
      <c r="L17" s="29">
        <v>8382</v>
      </c>
      <c r="M17" s="30">
        <v>8345</v>
      </c>
      <c r="N17" s="31">
        <v>8344</v>
      </c>
      <c r="O17" s="31">
        <v>8165</v>
      </c>
      <c r="P17" s="29">
        <v>8051</v>
      </c>
      <c r="Q17" s="65">
        <v>7981</v>
      </c>
    </row>
    <row r="18" spans="1:17" ht="20.100000000000001" customHeight="1" x14ac:dyDescent="0.4">
      <c r="A18" s="21" t="s">
        <v>20</v>
      </c>
      <c r="B18" s="28">
        <v>12901</v>
      </c>
      <c r="C18" s="23">
        <v>12428</v>
      </c>
      <c r="D18" s="23">
        <v>11652</v>
      </c>
      <c r="E18" s="23">
        <v>11459</v>
      </c>
      <c r="F18" s="23">
        <v>11403</v>
      </c>
      <c r="G18" s="23">
        <v>10829</v>
      </c>
      <c r="H18" s="23">
        <v>10625</v>
      </c>
      <c r="I18" s="24">
        <v>10795</v>
      </c>
      <c r="J18" s="24">
        <v>10700</v>
      </c>
      <c r="K18" s="23">
        <v>10661</v>
      </c>
      <c r="L18" s="23">
        <v>10592</v>
      </c>
      <c r="M18" s="28">
        <v>10531</v>
      </c>
      <c r="N18" s="24">
        <v>10561</v>
      </c>
      <c r="O18" s="24">
        <v>10630</v>
      </c>
      <c r="P18" s="23">
        <v>10510</v>
      </c>
      <c r="Q18" s="63">
        <v>10467</v>
      </c>
    </row>
    <row r="19" spans="1:17" ht="20.100000000000001" customHeight="1" x14ac:dyDescent="0.4">
      <c r="A19" s="21" t="s">
        <v>21</v>
      </c>
      <c r="B19" s="32">
        <v>6272</v>
      </c>
      <c r="C19" s="23">
        <v>9172</v>
      </c>
      <c r="D19" s="23">
        <v>9170</v>
      </c>
      <c r="E19" s="23">
        <v>9257</v>
      </c>
      <c r="F19" s="23">
        <v>8973</v>
      </c>
      <c r="G19" s="23">
        <v>8509</v>
      </c>
      <c r="H19" s="23">
        <v>8298</v>
      </c>
      <c r="I19" s="24">
        <v>8264</v>
      </c>
      <c r="J19" s="24">
        <v>8261</v>
      </c>
      <c r="K19" s="16">
        <v>8253</v>
      </c>
      <c r="L19" s="16">
        <v>8280</v>
      </c>
      <c r="M19" s="22">
        <v>8211</v>
      </c>
      <c r="N19" s="17">
        <v>8234</v>
      </c>
      <c r="O19" s="17">
        <v>8165</v>
      </c>
      <c r="P19" s="16">
        <v>8032</v>
      </c>
      <c r="Q19" s="64">
        <v>8033</v>
      </c>
    </row>
    <row r="20" spans="1:17" ht="20.100000000000001" customHeight="1" x14ac:dyDescent="0.4">
      <c r="A20" s="21" t="s">
        <v>22</v>
      </c>
      <c r="B20" s="28">
        <v>5604</v>
      </c>
      <c r="C20" s="23">
        <v>5592</v>
      </c>
      <c r="D20" s="23">
        <v>5443</v>
      </c>
      <c r="E20" s="23">
        <v>5694</v>
      </c>
      <c r="F20" s="23">
        <v>5628</v>
      </c>
      <c r="G20" s="23">
        <v>5747</v>
      </c>
      <c r="H20" s="23">
        <v>5593</v>
      </c>
      <c r="I20" s="24">
        <v>5581</v>
      </c>
      <c r="J20" s="24">
        <v>5642</v>
      </c>
      <c r="K20" s="25">
        <v>5623</v>
      </c>
      <c r="L20" s="25">
        <v>5701</v>
      </c>
      <c r="M20" s="26">
        <v>5708</v>
      </c>
      <c r="N20" s="27">
        <v>5655</v>
      </c>
      <c r="O20" s="27">
        <v>5680</v>
      </c>
      <c r="P20" s="25">
        <v>5718</v>
      </c>
      <c r="Q20" s="62">
        <v>5671</v>
      </c>
    </row>
    <row r="21" spans="1:17" ht="20.100000000000001" customHeight="1" x14ac:dyDescent="0.4">
      <c r="A21" s="21" t="s">
        <v>23</v>
      </c>
      <c r="B21" s="28">
        <v>9735</v>
      </c>
      <c r="C21" s="23">
        <v>10556</v>
      </c>
      <c r="D21" s="23">
        <v>11241</v>
      </c>
      <c r="E21" s="23">
        <v>11051</v>
      </c>
      <c r="F21" s="23">
        <v>10683</v>
      </c>
      <c r="G21" s="23">
        <v>9969</v>
      </c>
      <c r="H21" s="23">
        <v>9570</v>
      </c>
      <c r="I21" s="24">
        <v>9949</v>
      </c>
      <c r="J21" s="24">
        <v>9977</v>
      </c>
      <c r="K21" s="23">
        <v>10011</v>
      </c>
      <c r="L21" s="23">
        <v>10006</v>
      </c>
      <c r="M21" s="28">
        <v>10079</v>
      </c>
      <c r="N21" s="24">
        <v>10034</v>
      </c>
      <c r="O21" s="24">
        <v>10104</v>
      </c>
      <c r="P21" s="23">
        <v>10114</v>
      </c>
      <c r="Q21" s="63">
        <v>10029</v>
      </c>
    </row>
    <row r="22" spans="1:17" ht="20.100000000000001" customHeight="1" x14ac:dyDescent="0.4">
      <c r="A22" s="21" t="s">
        <v>24</v>
      </c>
      <c r="B22" s="28">
        <v>3445</v>
      </c>
      <c r="C22" s="23">
        <v>3227</v>
      </c>
      <c r="D22" s="23">
        <v>3767</v>
      </c>
      <c r="E22" s="23">
        <v>4138</v>
      </c>
      <c r="F22" s="23">
        <v>4015</v>
      </c>
      <c r="G22" s="23">
        <v>4340</v>
      </c>
      <c r="H22" s="23">
        <v>4291</v>
      </c>
      <c r="I22" s="24">
        <v>4444</v>
      </c>
      <c r="J22" s="24">
        <v>4409</v>
      </c>
      <c r="K22" s="23">
        <v>4358</v>
      </c>
      <c r="L22" s="23">
        <v>4326</v>
      </c>
      <c r="M22" s="28">
        <v>4305</v>
      </c>
      <c r="N22" s="24">
        <v>4244</v>
      </c>
      <c r="O22" s="24">
        <v>4152</v>
      </c>
      <c r="P22" s="23">
        <v>4072</v>
      </c>
      <c r="Q22" s="63">
        <v>4031</v>
      </c>
    </row>
    <row r="23" spans="1:17" ht="20.100000000000001" customHeight="1" x14ac:dyDescent="0.4">
      <c r="A23" s="21" t="s">
        <v>25</v>
      </c>
      <c r="B23" s="28">
        <v>7340</v>
      </c>
      <c r="C23" s="23">
        <v>6501</v>
      </c>
      <c r="D23" s="23">
        <v>5915</v>
      </c>
      <c r="E23" s="23">
        <v>5396</v>
      </c>
      <c r="F23" s="23">
        <v>4838</v>
      </c>
      <c r="G23" s="23">
        <v>4276</v>
      </c>
      <c r="H23" s="23">
        <v>3906</v>
      </c>
      <c r="I23" s="24">
        <v>3541</v>
      </c>
      <c r="J23" s="24">
        <v>3455</v>
      </c>
      <c r="K23" s="23">
        <v>3448</v>
      </c>
      <c r="L23" s="23">
        <v>3395</v>
      </c>
      <c r="M23" s="28">
        <v>3300</v>
      </c>
      <c r="N23" s="24">
        <v>3227</v>
      </c>
      <c r="O23" s="24">
        <v>3150</v>
      </c>
      <c r="P23" s="23">
        <v>3087</v>
      </c>
      <c r="Q23" s="63">
        <v>3074</v>
      </c>
    </row>
    <row r="24" spans="1:17" ht="20.100000000000001" customHeight="1" x14ac:dyDescent="0.4">
      <c r="A24" s="21" t="s">
        <v>26</v>
      </c>
      <c r="B24" s="28">
        <v>5570</v>
      </c>
      <c r="C24" s="23">
        <v>6064</v>
      </c>
      <c r="D24" s="23">
        <v>6434</v>
      </c>
      <c r="E24" s="23">
        <v>6718</v>
      </c>
      <c r="F24" s="23">
        <v>6526</v>
      </c>
      <c r="G24" s="23">
        <v>6335</v>
      </c>
      <c r="H24" s="23">
        <v>6345</v>
      </c>
      <c r="I24" s="24">
        <v>6071</v>
      </c>
      <c r="J24" s="24">
        <v>6020</v>
      </c>
      <c r="K24" s="23">
        <v>6000</v>
      </c>
      <c r="L24" s="23">
        <v>5977</v>
      </c>
      <c r="M24" s="28">
        <v>5873</v>
      </c>
      <c r="N24" s="24">
        <v>5820</v>
      </c>
      <c r="O24" s="24">
        <v>5795</v>
      </c>
      <c r="P24" s="23">
        <v>5768</v>
      </c>
      <c r="Q24" s="63">
        <v>5738</v>
      </c>
    </row>
    <row r="25" spans="1:17" ht="20.100000000000001" customHeight="1" x14ac:dyDescent="0.4">
      <c r="A25" s="21" t="s">
        <v>27</v>
      </c>
      <c r="B25" s="28">
        <v>7263</v>
      </c>
      <c r="C25" s="23">
        <v>7542</v>
      </c>
      <c r="D25" s="23">
        <v>8163</v>
      </c>
      <c r="E25" s="23">
        <v>8104</v>
      </c>
      <c r="F25" s="23">
        <v>8612</v>
      </c>
      <c r="G25" s="23">
        <v>8500</v>
      </c>
      <c r="H25" s="23">
        <v>8171</v>
      </c>
      <c r="I25" s="24">
        <v>8031</v>
      </c>
      <c r="J25" s="24">
        <v>7971</v>
      </c>
      <c r="K25" s="23">
        <v>7907</v>
      </c>
      <c r="L25" s="23">
        <v>7980</v>
      </c>
      <c r="M25" s="28">
        <v>7799</v>
      </c>
      <c r="N25" s="24">
        <v>7662</v>
      </c>
      <c r="O25" s="24">
        <v>7675</v>
      </c>
      <c r="P25" s="23">
        <v>7669</v>
      </c>
      <c r="Q25" s="63">
        <v>7565</v>
      </c>
    </row>
    <row r="26" spans="1:17" ht="20.100000000000001" customHeight="1" x14ac:dyDescent="0.4">
      <c r="A26" s="21" t="s">
        <v>28</v>
      </c>
      <c r="B26" s="28">
        <v>3638</v>
      </c>
      <c r="C26" s="23">
        <v>3656</v>
      </c>
      <c r="D26" s="23">
        <v>3550</v>
      </c>
      <c r="E26" s="23">
        <v>3437</v>
      </c>
      <c r="F26" s="23">
        <v>3293</v>
      </c>
      <c r="G26" s="23">
        <v>3135</v>
      </c>
      <c r="H26" s="23">
        <v>2920</v>
      </c>
      <c r="I26" s="24">
        <v>2717</v>
      </c>
      <c r="J26" s="24">
        <v>2647</v>
      </c>
      <c r="K26" s="23">
        <v>2589</v>
      </c>
      <c r="L26" s="23">
        <v>2569</v>
      </c>
      <c r="M26" s="28">
        <v>2547</v>
      </c>
      <c r="N26" s="24">
        <v>2522</v>
      </c>
      <c r="O26" s="24">
        <v>2480</v>
      </c>
      <c r="P26" s="23">
        <v>2434</v>
      </c>
      <c r="Q26" s="63">
        <v>2400</v>
      </c>
    </row>
    <row r="27" spans="1:17" ht="20.100000000000001" customHeight="1" x14ac:dyDescent="0.4">
      <c r="A27" s="21" t="s">
        <v>29</v>
      </c>
      <c r="B27" s="28">
        <v>4333</v>
      </c>
      <c r="C27" s="23">
        <v>4283</v>
      </c>
      <c r="D27" s="23">
        <v>4027</v>
      </c>
      <c r="E27" s="23">
        <v>4602</v>
      </c>
      <c r="F27" s="23">
        <v>4900</v>
      </c>
      <c r="G27" s="23">
        <v>4978</v>
      </c>
      <c r="H27" s="23">
        <v>4859</v>
      </c>
      <c r="I27" s="24">
        <v>4391</v>
      </c>
      <c r="J27" s="24">
        <v>4337</v>
      </c>
      <c r="K27" s="24">
        <v>4258</v>
      </c>
      <c r="L27" s="25">
        <v>4195</v>
      </c>
      <c r="M27" s="25">
        <v>4115</v>
      </c>
      <c r="N27" s="26">
        <v>4123</v>
      </c>
      <c r="O27" s="27">
        <v>4113</v>
      </c>
      <c r="P27" s="25">
        <v>4082</v>
      </c>
      <c r="Q27" s="62">
        <v>3991</v>
      </c>
    </row>
    <row r="28" spans="1:17" ht="20.100000000000001" customHeight="1" x14ac:dyDescent="0.4">
      <c r="A28" s="21" t="s">
        <v>30</v>
      </c>
      <c r="B28" s="28">
        <v>11768</v>
      </c>
      <c r="C28" s="23">
        <v>11237</v>
      </c>
      <c r="D28" s="23">
        <v>13059</v>
      </c>
      <c r="E28" s="23">
        <v>14136</v>
      </c>
      <c r="F28" s="23">
        <v>14792</v>
      </c>
      <c r="G28" s="23">
        <v>15122</v>
      </c>
      <c r="H28" s="23">
        <v>15089</v>
      </c>
      <c r="I28" s="24">
        <v>15401</v>
      </c>
      <c r="J28" s="24">
        <v>15404</v>
      </c>
      <c r="K28" s="24">
        <v>15337</v>
      </c>
      <c r="L28" s="23">
        <v>15336</v>
      </c>
      <c r="M28" s="23">
        <v>15385</v>
      </c>
      <c r="N28" s="28">
        <v>15584</v>
      </c>
      <c r="O28" s="24">
        <v>15559</v>
      </c>
      <c r="P28" s="23">
        <v>15459</v>
      </c>
      <c r="Q28" s="63">
        <v>15426</v>
      </c>
    </row>
    <row r="29" spans="1:17" ht="20.100000000000001" customHeight="1" x14ac:dyDescent="0.4">
      <c r="A29" s="21" t="s">
        <v>31</v>
      </c>
      <c r="B29" s="28">
        <v>6650</v>
      </c>
      <c r="C29" s="23">
        <v>8233</v>
      </c>
      <c r="D29" s="23">
        <v>8536</v>
      </c>
      <c r="E29" s="23">
        <v>8526</v>
      </c>
      <c r="F29" s="23">
        <v>9410</v>
      </c>
      <c r="G29" s="23">
        <v>9669</v>
      </c>
      <c r="H29" s="23">
        <v>9666</v>
      </c>
      <c r="I29" s="24">
        <v>9548</v>
      </c>
      <c r="J29" s="24">
        <v>9617</v>
      </c>
      <c r="K29" s="24">
        <v>9523</v>
      </c>
      <c r="L29" s="16">
        <v>9539</v>
      </c>
      <c r="M29" s="16">
        <v>9594</v>
      </c>
      <c r="N29" s="22">
        <v>9577</v>
      </c>
      <c r="O29" s="17">
        <v>9649</v>
      </c>
      <c r="P29" s="16">
        <v>9657</v>
      </c>
      <c r="Q29" s="64">
        <v>9734</v>
      </c>
    </row>
    <row r="30" spans="1:17" ht="20.100000000000001" customHeight="1" x14ac:dyDescent="0.4">
      <c r="A30" s="21" t="s">
        <v>32</v>
      </c>
      <c r="B30" s="28">
        <v>17390</v>
      </c>
      <c r="C30" s="23">
        <v>18721</v>
      </c>
      <c r="D30" s="23">
        <v>20477</v>
      </c>
      <c r="E30" s="23">
        <v>21006</v>
      </c>
      <c r="F30" s="33">
        <v>21287</v>
      </c>
      <c r="G30" s="23">
        <v>22013</v>
      </c>
      <c r="H30" s="23">
        <v>10916</v>
      </c>
      <c r="I30" s="24">
        <v>11967</v>
      </c>
      <c r="J30" s="24">
        <v>12070</v>
      </c>
      <c r="K30" s="25">
        <v>12157</v>
      </c>
      <c r="L30" s="25">
        <v>12367</v>
      </c>
      <c r="M30" s="26">
        <v>12365</v>
      </c>
      <c r="N30" s="27">
        <v>12461</v>
      </c>
      <c r="O30" s="27">
        <v>12550</v>
      </c>
      <c r="P30" s="25">
        <v>12619</v>
      </c>
      <c r="Q30" s="62">
        <v>12563</v>
      </c>
    </row>
    <row r="31" spans="1:17" ht="20.100000000000001" customHeight="1" x14ac:dyDescent="0.4">
      <c r="A31" s="21" t="s">
        <v>33</v>
      </c>
      <c r="B31" s="28">
        <v>10115</v>
      </c>
      <c r="C31" s="23">
        <v>11335</v>
      </c>
      <c r="D31" s="23">
        <v>12119</v>
      </c>
      <c r="E31" s="23">
        <v>12577</v>
      </c>
      <c r="F31" s="23">
        <v>12958</v>
      </c>
      <c r="G31" s="23">
        <v>13158</v>
      </c>
      <c r="H31" s="23">
        <v>14083</v>
      </c>
      <c r="I31" s="24">
        <v>15204</v>
      </c>
      <c r="J31" s="24">
        <v>15384</v>
      </c>
      <c r="K31" s="23">
        <v>15570</v>
      </c>
      <c r="L31" s="23">
        <v>15751</v>
      </c>
      <c r="M31" s="28">
        <v>15907</v>
      </c>
      <c r="N31" s="24">
        <v>16117</v>
      </c>
      <c r="O31" s="24">
        <v>16238</v>
      </c>
      <c r="P31" s="23">
        <v>16344</v>
      </c>
      <c r="Q31" s="63">
        <v>16425</v>
      </c>
    </row>
    <row r="32" spans="1:17" ht="20.100000000000001" customHeight="1" x14ac:dyDescent="0.4">
      <c r="A32" s="21" t="s">
        <v>34</v>
      </c>
      <c r="B32" s="28">
        <v>11710</v>
      </c>
      <c r="C32" s="23">
        <v>11380</v>
      </c>
      <c r="D32" s="23">
        <v>11542</v>
      </c>
      <c r="E32" s="23">
        <v>11239</v>
      </c>
      <c r="F32" s="23">
        <v>11287</v>
      </c>
      <c r="G32" s="23">
        <v>11043</v>
      </c>
      <c r="H32" s="23">
        <v>11011</v>
      </c>
      <c r="I32" s="24">
        <v>11448</v>
      </c>
      <c r="J32" s="24">
        <v>11617</v>
      </c>
      <c r="K32" s="16">
        <v>11723</v>
      </c>
      <c r="L32" s="16">
        <v>11882</v>
      </c>
      <c r="M32" s="22">
        <v>11846</v>
      </c>
      <c r="N32" s="17">
        <v>11777</v>
      </c>
      <c r="O32" s="17">
        <v>11668</v>
      </c>
      <c r="P32" s="16">
        <v>11630</v>
      </c>
      <c r="Q32" s="64">
        <v>11553</v>
      </c>
    </row>
    <row r="33" spans="1:17" ht="20.100000000000001" customHeight="1" x14ac:dyDescent="0.4">
      <c r="A33" s="21" t="s">
        <v>35</v>
      </c>
      <c r="B33" s="32">
        <v>5612</v>
      </c>
      <c r="C33" s="23">
        <v>7604</v>
      </c>
      <c r="D33" s="23">
        <v>8012</v>
      </c>
      <c r="E33" s="23">
        <v>8769</v>
      </c>
      <c r="F33" s="23">
        <v>10213</v>
      </c>
      <c r="G33" s="23">
        <v>11035</v>
      </c>
      <c r="H33" s="23">
        <v>11529</v>
      </c>
      <c r="I33" s="24">
        <v>11650</v>
      </c>
      <c r="J33" s="24">
        <v>11660</v>
      </c>
      <c r="K33" s="25">
        <v>11549</v>
      </c>
      <c r="L33" s="25">
        <v>11517</v>
      </c>
      <c r="M33" s="26">
        <v>11418</v>
      </c>
      <c r="N33" s="27">
        <v>11415</v>
      </c>
      <c r="O33" s="27">
        <v>11405</v>
      </c>
      <c r="P33" s="25">
        <v>11361</v>
      </c>
      <c r="Q33" s="62">
        <v>11396</v>
      </c>
    </row>
    <row r="34" spans="1:17" ht="20.100000000000001" customHeight="1" x14ac:dyDescent="0.4">
      <c r="A34" s="21" t="s">
        <v>36</v>
      </c>
      <c r="B34" s="28">
        <v>6333</v>
      </c>
      <c r="C34" s="23">
        <v>6709</v>
      </c>
      <c r="D34" s="23">
        <v>6776</v>
      </c>
      <c r="E34" s="23">
        <v>6883</v>
      </c>
      <c r="F34" s="23">
        <v>6604</v>
      </c>
      <c r="G34" s="23">
        <v>6599</v>
      </c>
      <c r="H34" s="23">
        <v>6383</v>
      </c>
      <c r="I34" s="24">
        <v>6097</v>
      </c>
      <c r="J34" s="24">
        <v>6037</v>
      </c>
      <c r="K34" s="23">
        <v>5996</v>
      </c>
      <c r="L34" s="23">
        <v>5941</v>
      </c>
      <c r="M34" s="28">
        <v>5946</v>
      </c>
      <c r="N34" s="24">
        <v>5801</v>
      </c>
      <c r="O34" s="24">
        <v>5723</v>
      </c>
      <c r="P34" s="23">
        <v>5688</v>
      </c>
      <c r="Q34" s="63">
        <v>5596</v>
      </c>
    </row>
    <row r="35" spans="1:17" ht="20.100000000000001" customHeight="1" x14ac:dyDescent="0.4">
      <c r="A35" s="21" t="s">
        <v>37</v>
      </c>
      <c r="B35" s="28">
        <v>9178</v>
      </c>
      <c r="C35" s="23">
        <v>10030</v>
      </c>
      <c r="D35" s="23">
        <v>11752</v>
      </c>
      <c r="E35" s="23">
        <v>13803</v>
      </c>
      <c r="F35" s="23">
        <v>14878</v>
      </c>
      <c r="G35" s="23">
        <v>12674</v>
      </c>
      <c r="H35" s="23">
        <v>12917</v>
      </c>
      <c r="I35" s="24">
        <v>13704</v>
      </c>
      <c r="J35" s="24">
        <v>13651</v>
      </c>
      <c r="K35" s="24">
        <v>13843</v>
      </c>
      <c r="L35" s="23">
        <v>13865</v>
      </c>
      <c r="M35" s="23">
        <v>14008</v>
      </c>
      <c r="N35" s="28">
        <v>13672</v>
      </c>
      <c r="O35" s="24">
        <v>13621</v>
      </c>
      <c r="P35" s="23">
        <v>13624</v>
      </c>
      <c r="Q35" s="63">
        <v>13461</v>
      </c>
    </row>
    <row r="36" spans="1:17" ht="20.100000000000001" customHeight="1" x14ac:dyDescent="0.4">
      <c r="A36" s="21" t="s">
        <v>38</v>
      </c>
      <c r="B36" s="28">
        <v>2813</v>
      </c>
      <c r="C36" s="23">
        <v>3044</v>
      </c>
      <c r="D36" s="23">
        <v>3115</v>
      </c>
      <c r="E36" s="23">
        <v>3142</v>
      </c>
      <c r="F36" s="23">
        <v>3657</v>
      </c>
      <c r="G36" s="23">
        <v>4224</v>
      </c>
      <c r="H36" s="23">
        <v>4509</v>
      </c>
      <c r="I36" s="24">
        <v>4914</v>
      </c>
      <c r="J36" s="24">
        <v>4956</v>
      </c>
      <c r="K36" s="24">
        <v>5096</v>
      </c>
      <c r="L36" s="25">
        <v>5221</v>
      </c>
      <c r="M36" s="25">
        <v>5234</v>
      </c>
      <c r="N36" s="26">
        <v>5380</v>
      </c>
      <c r="O36" s="27">
        <v>5412</v>
      </c>
      <c r="P36" s="25">
        <v>5530</v>
      </c>
      <c r="Q36" s="62">
        <v>5588</v>
      </c>
    </row>
    <row r="37" spans="1:17" ht="20.100000000000001" customHeight="1" x14ac:dyDescent="0.4">
      <c r="A37" s="21" t="s">
        <v>39</v>
      </c>
      <c r="B37" s="32">
        <v>6534</v>
      </c>
      <c r="C37" s="23">
        <v>6888</v>
      </c>
      <c r="D37" s="23">
        <v>6874</v>
      </c>
      <c r="E37" s="23">
        <v>7095</v>
      </c>
      <c r="F37" s="23">
        <v>6973</v>
      </c>
      <c r="G37" s="23">
        <v>7666</v>
      </c>
      <c r="H37" s="23">
        <v>7781</v>
      </c>
      <c r="I37" s="24">
        <v>7540</v>
      </c>
      <c r="J37" s="24">
        <v>7502</v>
      </c>
      <c r="K37" s="24">
        <v>7360</v>
      </c>
      <c r="L37" s="23">
        <v>7323</v>
      </c>
      <c r="M37" s="23">
        <v>7261</v>
      </c>
      <c r="N37" s="28">
        <v>7183</v>
      </c>
      <c r="O37" s="24">
        <v>7060</v>
      </c>
      <c r="P37" s="23">
        <v>6969</v>
      </c>
      <c r="Q37" s="63">
        <v>6884</v>
      </c>
    </row>
    <row r="38" spans="1:17" ht="20.100000000000001" customHeight="1" x14ac:dyDescent="0.4">
      <c r="A38" s="21" t="s">
        <v>40</v>
      </c>
      <c r="B38" s="28">
        <v>6920</v>
      </c>
      <c r="C38" s="23">
        <v>7088</v>
      </c>
      <c r="D38" s="23">
        <v>7468</v>
      </c>
      <c r="E38" s="23">
        <v>8020</v>
      </c>
      <c r="F38" s="23">
        <v>7986</v>
      </c>
      <c r="G38" s="23">
        <v>7730</v>
      </c>
      <c r="H38" s="23">
        <v>7345</v>
      </c>
      <c r="I38" s="24">
        <v>6849</v>
      </c>
      <c r="J38" s="24">
        <v>6803</v>
      </c>
      <c r="K38" s="25">
        <v>6709</v>
      </c>
      <c r="L38" s="25">
        <v>6649</v>
      </c>
      <c r="M38" s="26">
        <v>6574</v>
      </c>
      <c r="N38" s="27">
        <v>6447</v>
      </c>
      <c r="O38" s="27">
        <v>6366</v>
      </c>
      <c r="P38" s="25">
        <v>6287</v>
      </c>
      <c r="Q38" s="62">
        <v>6214</v>
      </c>
    </row>
    <row r="39" spans="1:17" ht="20.100000000000001" customHeight="1" x14ac:dyDescent="0.4">
      <c r="A39" s="21" t="s">
        <v>41</v>
      </c>
      <c r="B39" s="28">
        <v>4417</v>
      </c>
      <c r="C39" s="23">
        <v>3746</v>
      </c>
      <c r="D39" s="23">
        <v>3613</v>
      </c>
      <c r="E39" s="23">
        <v>3638</v>
      </c>
      <c r="F39" s="23">
        <v>3996</v>
      </c>
      <c r="G39" s="23">
        <v>3947</v>
      </c>
      <c r="H39" s="23">
        <v>3847</v>
      </c>
      <c r="I39" s="24">
        <v>3628</v>
      </c>
      <c r="J39" s="24">
        <v>3599</v>
      </c>
      <c r="K39" s="23">
        <v>3549</v>
      </c>
      <c r="L39" s="23">
        <v>3488</v>
      </c>
      <c r="M39" s="28">
        <v>3421</v>
      </c>
      <c r="N39" s="24">
        <v>3367</v>
      </c>
      <c r="O39" s="24">
        <v>3327</v>
      </c>
      <c r="P39" s="23">
        <v>3264</v>
      </c>
      <c r="Q39" s="63">
        <v>3232</v>
      </c>
    </row>
    <row r="40" spans="1:17" ht="20.100000000000001" customHeight="1" x14ac:dyDescent="0.4">
      <c r="A40" s="21" t="s">
        <v>42</v>
      </c>
      <c r="B40" s="32">
        <v>3148</v>
      </c>
      <c r="C40" s="23">
        <v>3143</v>
      </c>
      <c r="D40" s="23">
        <v>3069</v>
      </c>
      <c r="E40" s="23">
        <v>2948</v>
      </c>
      <c r="F40" s="23">
        <v>2979</v>
      </c>
      <c r="G40" s="23">
        <v>2832</v>
      </c>
      <c r="H40" s="23">
        <v>2636</v>
      </c>
      <c r="I40" s="24">
        <v>2523</v>
      </c>
      <c r="J40" s="24">
        <v>2485</v>
      </c>
      <c r="K40" s="23">
        <v>2443</v>
      </c>
      <c r="L40" s="23">
        <v>2410</v>
      </c>
      <c r="M40" s="28">
        <v>2378</v>
      </c>
      <c r="N40" s="24">
        <v>2330</v>
      </c>
      <c r="O40" s="24">
        <v>2315</v>
      </c>
      <c r="P40" s="23">
        <v>2277</v>
      </c>
      <c r="Q40" s="63">
        <v>2246</v>
      </c>
    </row>
    <row r="41" spans="1:17" ht="20.100000000000001" customHeight="1" x14ac:dyDescent="0.4">
      <c r="A41" s="21" t="s">
        <v>43</v>
      </c>
      <c r="B41" s="32">
        <v>2778</v>
      </c>
      <c r="C41" s="23">
        <v>3074</v>
      </c>
      <c r="D41" s="23">
        <v>3454</v>
      </c>
      <c r="E41" s="23">
        <v>3560</v>
      </c>
      <c r="F41" s="23">
        <v>3561</v>
      </c>
      <c r="G41" s="23">
        <v>3360</v>
      </c>
      <c r="H41" s="23">
        <v>3213</v>
      </c>
      <c r="I41" s="24">
        <v>3024</v>
      </c>
      <c r="J41" s="24">
        <v>3016</v>
      </c>
      <c r="K41" s="23">
        <v>2997</v>
      </c>
      <c r="L41" s="23">
        <v>2936</v>
      </c>
      <c r="M41" s="28">
        <v>2911</v>
      </c>
      <c r="N41" s="24">
        <v>2884</v>
      </c>
      <c r="O41" s="24">
        <v>2840</v>
      </c>
      <c r="P41" s="23">
        <v>2838</v>
      </c>
      <c r="Q41" s="63">
        <v>2795</v>
      </c>
    </row>
    <row r="42" spans="1:17" ht="20.100000000000001" customHeight="1" x14ac:dyDescent="0.4">
      <c r="A42" s="21" t="s">
        <v>44</v>
      </c>
      <c r="B42" s="32">
        <v>2770</v>
      </c>
      <c r="C42" s="23">
        <v>3235</v>
      </c>
      <c r="D42" s="23">
        <v>3115</v>
      </c>
      <c r="E42" s="23">
        <v>3070</v>
      </c>
      <c r="F42" s="23">
        <v>2872</v>
      </c>
      <c r="G42" s="23">
        <v>2934</v>
      </c>
      <c r="H42" s="23">
        <v>3183</v>
      </c>
      <c r="I42" s="24">
        <v>3140</v>
      </c>
      <c r="J42" s="24">
        <v>3131</v>
      </c>
      <c r="K42" s="24">
        <v>3150</v>
      </c>
      <c r="L42" s="16">
        <v>3126</v>
      </c>
      <c r="M42" s="16">
        <v>3141</v>
      </c>
      <c r="N42" s="22">
        <v>3123</v>
      </c>
      <c r="O42" s="17">
        <v>3073</v>
      </c>
      <c r="P42" s="16">
        <v>3024</v>
      </c>
      <c r="Q42" s="64">
        <v>3005</v>
      </c>
    </row>
    <row r="43" spans="1:17" ht="20.100000000000001" customHeight="1" x14ac:dyDescent="0.4">
      <c r="A43" s="21" t="s">
        <v>45</v>
      </c>
      <c r="B43" s="28">
        <v>11561</v>
      </c>
      <c r="C43" s="23">
        <v>12066</v>
      </c>
      <c r="D43" s="23">
        <v>12813</v>
      </c>
      <c r="E43" s="23">
        <v>13446</v>
      </c>
      <c r="F43" s="23">
        <v>13421</v>
      </c>
      <c r="G43" s="23">
        <v>13260</v>
      </c>
      <c r="H43" s="23">
        <v>13019</v>
      </c>
      <c r="I43" s="24">
        <v>12788</v>
      </c>
      <c r="J43" s="24">
        <v>12724</v>
      </c>
      <c r="K43" s="24">
        <v>12720</v>
      </c>
      <c r="L43" s="16">
        <v>12646</v>
      </c>
      <c r="M43" s="16">
        <v>12584</v>
      </c>
      <c r="N43" s="22">
        <v>12548</v>
      </c>
      <c r="O43" s="17">
        <v>12398</v>
      </c>
      <c r="P43" s="16">
        <v>12279</v>
      </c>
      <c r="Q43" s="64">
        <v>12195</v>
      </c>
    </row>
    <row r="44" spans="1:17" ht="20.100000000000001" customHeight="1" x14ac:dyDescent="0.4">
      <c r="A44" s="21" t="s">
        <v>46</v>
      </c>
      <c r="B44" s="32">
        <v>3709</v>
      </c>
      <c r="C44" s="23">
        <v>4040</v>
      </c>
      <c r="D44" s="23">
        <v>4218</v>
      </c>
      <c r="E44" s="23">
        <v>4400</v>
      </c>
      <c r="F44" s="23">
        <v>4570</v>
      </c>
      <c r="G44" s="23">
        <v>4593</v>
      </c>
      <c r="H44" s="23">
        <v>4333</v>
      </c>
      <c r="I44" s="24">
        <v>4220</v>
      </c>
      <c r="J44" s="24">
        <v>4175</v>
      </c>
      <c r="K44" s="24">
        <v>4213</v>
      </c>
      <c r="L44" s="16">
        <v>4123</v>
      </c>
      <c r="M44" s="16">
        <v>4073</v>
      </c>
      <c r="N44" s="22">
        <v>4047</v>
      </c>
      <c r="O44" s="17">
        <v>4046</v>
      </c>
      <c r="P44" s="16">
        <v>4004</v>
      </c>
      <c r="Q44" s="64">
        <v>3978</v>
      </c>
    </row>
    <row r="45" spans="1:17" ht="20.100000000000001" customHeight="1" x14ac:dyDescent="0.4">
      <c r="A45" s="21" t="s">
        <v>47</v>
      </c>
      <c r="B45" s="32">
        <v>1914</v>
      </c>
      <c r="C45" s="23">
        <v>1935</v>
      </c>
      <c r="D45" s="23">
        <v>1917</v>
      </c>
      <c r="E45" s="23">
        <v>1934</v>
      </c>
      <c r="F45" s="23">
        <v>1907</v>
      </c>
      <c r="G45" s="23">
        <v>1827</v>
      </c>
      <c r="H45" s="23">
        <v>1770</v>
      </c>
      <c r="I45" s="24">
        <v>1735</v>
      </c>
      <c r="J45" s="24">
        <v>1728</v>
      </c>
      <c r="K45" s="24">
        <v>1758</v>
      </c>
      <c r="L45" s="16">
        <v>1723</v>
      </c>
      <c r="M45" s="16">
        <v>1675</v>
      </c>
      <c r="N45" s="22">
        <v>1655</v>
      </c>
      <c r="O45" s="17">
        <v>1630</v>
      </c>
      <c r="P45" s="16">
        <v>1631</v>
      </c>
      <c r="Q45" s="64">
        <v>1607</v>
      </c>
    </row>
    <row r="46" spans="1:17" ht="20.100000000000001" customHeight="1" x14ac:dyDescent="0.4">
      <c r="A46" s="21" t="s">
        <v>48</v>
      </c>
      <c r="B46" s="32">
        <v>1551</v>
      </c>
      <c r="C46" s="23">
        <v>1645</v>
      </c>
      <c r="D46" s="23">
        <v>1867</v>
      </c>
      <c r="E46" s="23">
        <v>1931</v>
      </c>
      <c r="F46" s="23">
        <v>2039</v>
      </c>
      <c r="G46" s="23">
        <v>2000</v>
      </c>
      <c r="H46" s="23">
        <v>1832</v>
      </c>
      <c r="I46" s="24">
        <v>1726</v>
      </c>
      <c r="J46" s="24">
        <v>1773</v>
      </c>
      <c r="K46" s="24">
        <v>1766</v>
      </c>
      <c r="L46" s="16">
        <v>1727</v>
      </c>
      <c r="M46" s="16">
        <v>1695</v>
      </c>
      <c r="N46" s="22">
        <v>1686</v>
      </c>
      <c r="O46" s="17">
        <v>1682</v>
      </c>
      <c r="P46" s="16">
        <v>1657</v>
      </c>
      <c r="Q46" s="64">
        <v>1674</v>
      </c>
    </row>
    <row r="47" spans="1:17" ht="20.100000000000001" customHeight="1" x14ac:dyDescent="0.4">
      <c r="A47" s="21" t="s">
        <v>49</v>
      </c>
      <c r="B47" s="32">
        <v>3407</v>
      </c>
      <c r="C47" s="23">
        <v>3604</v>
      </c>
      <c r="D47" s="23">
        <v>3662</v>
      </c>
      <c r="E47" s="23">
        <v>3693</v>
      </c>
      <c r="F47" s="23">
        <v>3701</v>
      </c>
      <c r="G47" s="23">
        <v>3652</v>
      </c>
      <c r="H47" s="23">
        <v>3493</v>
      </c>
      <c r="I47" s="24">
        <v>3466</v>
      </c>
      <c r="J47" s="24">
        <v>3435</v>
      </c>
      <c r="K47" s="24">
        <v>3387</v>
      </c>
      <c r="L47" s="25">
        <v>3372</v>
      </c>
      <c r="M47" s="25">
        <v>3353</v>
      </c>
      <c r="N47" s="26">
        <v>3308</v>
      </c>
      <c r="O47" s="27">
        <v>3299</v>
      </c>
      <c r="P47" s="25">
        <v>3308</v>
      </c>
      <c r="Q47" s="62">
        <v>3282</v>
      </c>
    </row>
    <row r="48" spans="1:17" ht="20.100000000000001" customHeight="1" x14ac:dyDescent="0.4">
      <c r="A48" s="21" t="s">
        <v>50</v>
      </c>
      <c r="B48" s="28">
        <v>1390</v>
      </c>
      <c r="C48" s="28">
        <v>1370</v>
      </c>
      <c r="D48" s="28">
        <v>1337</v>
      </c>
      <c r="E48" s="28">
        <v>1273</v>
      </c>
      <c r="F48" s="28">
        <v>1229</v>
      </c>
      <c r="G48" s="28">
        <v>1173</v>
      </c>
      <c r="H48" s="28">
        <v>1078</v>
      </c>
      <c r="I48" s="28">
        <v>1095</v>
      </c>
      <c r="J48" s="28">
        <v>1077</v>
      </c>
      <c r="K48" s="28">
        <v>1061</v>
      </c>
      <c r="L48" s="28">
        <v>1030</v>
      </c>
      <c r="M48" s="28">
        <v>1026</v>
      </c>
      <c r="N48" s="28">
        <v>1026</v>
      </c>
      <c r="O48" s="34">
        <v>1012</v>
      </c>
      <c r="P48" s="23">
        <v>984</v>
      </c>
      <c r="Q48" s="63">
        <v>980</v>
      </c>
    </row>
    <row r="49" spans="1:17" ht="20.100000000000001" customHeight="1" x14ac:dyDescent="0.4">
      <c r="A49" s="21" t="s">
        <v>51</v>
      </c>
      <c r="B49" s="32">
        <v>5996</v>
      </c>
      <c r="C49" s="23">
        <v>5853</v>
      </c>
      <c r="D49" s="23">
        <v>5704</v>
      </c>
      <c r="E49" s="23">
        <v>5370</v>
      </c>
      <c r="F49" s="23">
        <v>4876</v>
      </c>
      <c r="G49" s="23">
        <v>4459</v>
      </c>
      <c r="H49" s="23">
        <v>4171</v>
      </c>
      <c r="I49" s="24">
        <v>3859</v>
      </c>
      <c r="J49" s="24">
        <v>3812</v>
      </c>
      <c r="K49" s="24">
        <v>3763</v>
      </c>
      <c r="L49" s="23">
        <v>3651</v>
      </c>
      <c r="M49" s="23">
        <v>3605</v>
      </c>
      <c r="N49" s="28">
        <v>3544</v>
      </c>
      <c r="O49" s="24">
        <v>3473</v>
      </c>
      <c r="P49" s="23">
        <v>3374</v>
      </c>
      <c r="Q49" s="63">
        <v>3288</v>
      </c>
    </row>
    <row r="50" spans="1:17" ht="20.100000000000001" customHeight="1" x14ac:dyDescent="0.4">
      <c r="A50" s="21" t="s">
        <v>52</v>
      </c>
      <c r="B50" s="32">
        <v>5115</v>
      </c>
      <c r="C50" s="23">
        <v>4944</v>
      </c>
      <c r="D50" s="23">
        <v>4762</v>
      </c>
      <c r="E50" s="23">
        <v>4546</v>
      </c>
      <c r="F50" s="23">
        <v>4666</v>
      </c>
      <c r="G50" s="23">
        <v>4669</v>
      </c>
      <c r="H50" s="23">
        <v>4493</v>
      </c>
      <c r="I50" s="24">
        <v>4289</v>
      </c>
      <c r="J50" s="24">
        <v>4186</v>
      </c>
      <c r="K50" s="24">
        <v>4093</v>
      </c>
      <c r="L50" s="23">
        <v>4064</v>
      </c>
      <c r="M50" s="23">
        <v>4009</v>
      </c>
      <c r="N50" s="28">
        <v>3940</v>
      </c>
      <c r="O50" s="24">
        <v>3864</v>
      </c>
      <c r="P50" s="23">
        <v>3847</v>
      </c>
      <c r="Q50" s="63">
        <v>3806</v>
      </c>
    </row>
    <row r="51" spans="1:17" ht="20.100000000000001" customHeight="1" x14ac:dyDescent="0.4">
      <c r="A51" s="21" t="s">
        <v>53</v>
      </c>
      <c r="B51" s="32">
        <v>2668</v>
      </c>
      <c r="C51" s="23">
        <v>2822</v>
      </c>
      <c r="D51" s="23">
        <v>2596</v>
      </c>
      <c r="E51" s="23">
        <v>2480</v>
      </c>
      <c r="F51" s="23">
        <v>2351</v>
      </c>
      <c r="G51" s="23">
        <v>2294</v>
      </c>
      <c r="H51" s="23">
        <v>2146</v>
      </c>
      <c r="I51" s="24">
        <v>2010</v>
      </c>
      <c r="J51" s="24">
        <v>1993</v>
      </c>
      <c r="K51" s="24">
        <v>1962</v>
      </c>
      <c r="L51" s="25">
        <v>1962</v>
      </c>
      <c r="M51" s="25">
        <v>1934</v>
      </c>
      <c r="N51" s="26">
        <v>1878</v>
      </c>
      <c r="O51" s="27">
        <v>1852</v>
      </c>
      <c r="P51" s="25">
        <v>1830</v>
      </c>
      <c r="Q51" s="62">
        <v>1790</v>
      </c>
    </row>
    <row r="52" spans="1:17" ht="20.100000000000001" customHeight="1" x14ac:dyDescent="0.4">
      <c r="A52" s="21" t="s">
        <v>54</v>
      </c>
      <c r="B52" s="32">
        <v>4202</v>
      </c>
      <c r="C52" s="23">
        <v>4496</v>
      </c>
      <c r="D52" s="23">
        <v>4720</v>
      </c>
      <c r="E52" s="23">
        <v>4747</v>
      </c>
      <c r="F52" s="23">
        <v>4754</v>
      </c>
      <c r="G52" s="23">
        <v>4625</v>
      </c>
      <c r="H52" s="23">
        <v>4358</v>
      </c>
      <c r="I52" s="24">
        <v>4159</v>
      </c>
      <c r="J52" s="24">
        <v>4134</v>
      </c>
      <c r="K52" s="24">
        <v>4107</v>
      </c>
      <c r="L52" s="23">
        <v>4045</v>
      </c>
      <c r="M52" s="23">
        <v>3975</v>
      </c>
      <c r="N52" s="28">
        <v>3935</v>
      </c>
      <c r="O52" s="24">
        <v>3860</v>
      </c>
      <c r="P52" s="23">
        <v>3825</v>
      </c>
      <c r="Q52" s="63">
        <v>3801</v>
      </c>
    </row>
    <row r="53" spans="1:17" ht="20.100000000000001" customHeight="1" x14ac:dyDescent="0.4">
      <c r="A53" s="21" t="s">
        <v>55</v>
      </c>
      <c r="B53" s="32">
        <v>1485</v>
      </c>
      <c r="C53" s="23">
        <v>1428</v>
      </c>
      <c r="D53" s="23">
        <v>1409</v>
      </c>
      <c r="E53" s="23">
        <v>1381</v>
      </c>
      <c r="F53" s="23">
        <v>1322</v>
      </c>
      <c r="G53" s="23">
        <v>1853</v>
      </c>
      <c r="H53" s="23">
        <v>1890</v>
      </c>
      <c r="I53" s="24">
        <v>1827</v>
      </c>
      <c r="J53" s="24">
        <v>1805</v>
      </c>
      <c r="K53" s="24">
        <v>1795</v>
      </c>
      <c r="L53" s="23">
        <v>1760</v>
      </c>
      <c r="M53" s="23">
        <v>1721</v>
      </c>
      <c r="N53" s="28">
        <v>1681</v>
      </c>
      <c r="O53" s="24">
        <v>1657</v>
      </c>
      <c r="P53" s="23">
        <v>1629</v>
      </c>
      <c r="Q53" s="63">
        <v>1619</v>
      </c>
    </row>
    <row r="54" spans="1:17" ht="20.100000000000001" customHeight="1" x14ac:dyDescent="0.4">
      <c r="A54" s="35" t="s">
        <v>56</v>
      </c>
      <c r="B54" s="36" t="s">
        <v>57</v>
      </c>
      <c r="C54" s="37" t="s">
        <v>58</v>
      </c>
      <c r="D54" s="37" t="s">
        <v>58</v>
      </c>
      <c r="E54" s="37" t="s">
        <v>58</v>
      </c>
      <c r="F54" s="37" t="s">
        <v>58</v>
      </c>
      <c r="G54" s="38">
        <v>8238</v>
      </c>
      <c r="H54" s="38">
        <v>8573</v>
      </c>
      <c r="I54" s="39">
        <v>8913</v>
      </c>
      <c r="J54" s="39">
        <v>8966</v>
      </c>
      <c r="K54" s="31">
        <v>8884</v>
      </c>
      <c r="L54" s="29">
        <v>8935</v>
      </c>
      <c r="M54" s="29">
        <v>8883</v>
      </c>
      <c r="N54" s="30">
        <v>8947</v>
      </c>
      <c r="O54" s="31">
        <v>8963</v>
      </c>
      <c r="P54" s="29">
        <v>8958</v>
      </c>
      <c r="Q54" s="65">
        <v>8879</v>
      </c>
    </row>
    <row r="55" spans="1:17" ht="21.9" customHeight="1" x14ac:dyDescent="0.4">
      <c r="A55" s="40" t="s">
        <v>59</v>
      </c>
      <c r="B55" s="41" t="s">
        <v>57</v>
      </c>
      <c r="C55" s="42" t="s">
        <v>58</v>
      </c>
      <c r="D55" s="42" t="s">
        <v>58</v>
      </c>
      <c r="E55" s="42" t="s">
        <v>58</v>
      </c>
      <c r="F55" s="42" t="s">
        <v>58</v>
      </c>
      <c r="G55" s="42" t="s">
        <v>58</v>
      </c>
      <c r="H55" s="43">
        <v>11574</v>
      </c>
      <c r="I55" s="43">
        <v>12337</v>
      </c>
      <c r="J55" s="43">
        <v>12445</v>
      </c>
      <c r="K55" s="43">
        <v>12545</v>
      </c>
      <c r="L55" s="43">
        <v>12668</v>
      </c>
      <c r="M55" s="43">
        <v>12711</v>
      </c>
      <c r="N55" s="43">
        <v>12653</v>
      </c>
      <c r="O55" s="44">
        <v>12603</v>
      </c>
      <c r="P55" s="57">
        <v>12631</v>
      </c>
      <c r="Q55" s="66">
        <v>12647</v>
      </c>
    </row>
    <row r="56" spans="1:17" ht="15" customHeight="1" x14ac:dyDescent="0.4">
      <c r="Q56" s="2"/>
    </row>
  </sheetData>
  <mergeCells count="1">
    <mergeCell ref="A1:D1"/>
  </mergeCells>
  <phoneticPr fontId="3"/>
  <pageMargins left="0.78740157480314965" right="0.31496062992125984" top="0.51181102362204722" bottom="0.51" header="0.51181102362204722" footer="0.51181102362204722"/>
  <pageSetup paperSize="9" scale="48" firstPageNumber="15" orientation="landscape" useFirstPageNumber="1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EF69E6-70FA-4B6B-8FA7-6068753C10D7}">
  <sheetPr codeName="Sheet100">
    <pageSetUpPr fitToPage="1"/>
  </sheetPr>
  <dimension ref="A1:Q42"/>
  <sheetViews>
    <sheetView zoomScale="90" zoomScaleNormal="90" workbookViewId="0">
      <pane xSplit="1" ySplit="3" topLeftCell="B4" activePane="bottomRight" state="frozen"/>
      <selection sqref="A1:D1"/>
      <selection pane="topRight" sqref="A1:D1"/>
      <selection pane="bottomLeft" sqref="A1:D1"/>
      <selection pane="bottomRight" sqref="A1:M1"/>
    </sheetView>
  </sheetViews>
  <sheetFormatPr defaultColWidth="9" defaultRowHeight="15" customHeight="1" x14ac:dyDescent="0.4"/>
  <cols>
    <col min="1" max="1" width="19.21875" style="3" bestFit="1" customWidth="1"/>
    <col min="2" max="17" width="12.6640625" style="3" customWidth="1"/>
    <col min="18" max="16384" width="9" style="3"/>
  </cols>
  <sheetData>
    <row r="1" spans="1:17" ht="43.5" customHeight="1" x14ac:dyDescent="0.4">
      <c r="A1" s="74" t="s">
        <v>6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</row>
    <row r="2" spans="1:17" ht="28.5" customHeight="1" x14ac:dyDescent="0.4">
      <c r="Q2" s="4" t="s">
        <v>1</v>
      </c>
    </row>
    <row r="3" spans="1:17" ht="20.100000000000001" customHeight="1" x14ac:dyDescent="0.4">
      <c r="A3" s="5" t="s">
        <v>2</v>
      </c>
      <c r="B3" s="6" t="s">
        <v>3</v>
      </c>
      <c r="C3" s="7">
        <v>60</v>
      </c>
      <c r="D3" s="7" t="s">
        <v>4</v>
      </c>
      <c r="E3" s="7">
        <v>7</v>
      </c>
      <c r="F3" s="7">
        <v>12</v>
      </c>
      <c r="G3" s="7">
        <v>17</v>
      </c>
      <c r="H3" s="7">
        <v>22</v>
      </c>
      <c r="I3" s="8">
        <v>27</v>
      </c>
      <c r="J3" s="8">
        <v>28</v>
      </c>
      <c r="K3" s="8">
        <v>29</v>
      </c>
      <c r="L3" s="8">
        <v>30</v>
      </c>
      <c r="M3" s="7" t="s">
        <v>5</v>
      </c>
      <c r="N3" s="7">
        <v>2</v>
      </c>
      <c r="O3" s="67">
        <v>3</v>
      </c>
      <c r="P3" s="7">
        <v>4</v>
      </c>
      <c r="Q3" s="60">
        <v>5</v>
      </c>
    </row>
    <row r="4" spans="1:17" ht="20.100000000000001" customHeight="1" x14ac:dyDescent="0.4">
      <c r="A4" s="9" t="s">
        <v>61</v>
      </c>
      <c r="B4" s="45" t="s">
        <v>58</v>
      </c>
      <c r="C4" s="46" t="s">
        <v>58</v>
      </c>
      <c r="D4" s="45" t="s">
        <v>58</v>
      </c>
      <c r="E4" s="46" t="s">
        <v>58</v>
      </c>
      <c r="F4" s="46" t="s">
        <v>58</v>
      </c>
      <c r="G4" s="47">
        <v>22860</v>
      </c>
      <c r="H4" s="47">
        <v>22768</v>
      </c>
      <c r="I4" s="11">
        <v>22341</v>
      </c>
      <c r="J4" s="11">
        <v>22135</v>
      </c>
      <c r="K4" s="11">
        <v>22021</v>
      </c>
      <c r="L4" s="11">
        <v>21913</v>
      </c>
      <c r="M4" s="11">
        <v>21794</v>
      </c>
      <c r="N4" s="11">
        <v>21653</v>
      </c>
      <c r="O4" s="12">
        <v>21529</v>
      </c>
      <c r="P4" s="11">
        <v>21353</v>
      </c>
      <c r="Q4" s="68">
        <v>21227</v>
      </c>
    </row>
    <row r="5" spans="1:17" ht="20.100000000000001" customHeight="1" x14ac:dyDescent="0.4">
      <c r="A5" s="14" t="s">
        <v>62</v>
      </c>
      <c r="B5" s="48" t="s">
        <v>57</v>
      </c>
      <c r="C5" s="49" t="s">
        <v>58</v>
      </c>
      <c r="D5" s="48" t="s">
        <v>57</v>
      </c>
      <c r="E5" s="49" t="s">
        <v>58</v>
      </c>
      <c r="F5" s="49" t="s">
        <v>58</v>
      </c>
      <c r="G5" s="50">
        <v>515</v>
      </c>
      <c r="H5" s="50">
        <v>443</v>
      </c>
      <c r="I5" s="51">
        <v>385</v>
      </c>
      <c r="J5" s="17">
        <v>367</v>
      </c>
      <c r="K5" s="51">
        <v>352</v>
      </c>
      <c r="L5" s="23">
        <v>336</v>
      </c>
      <c r="M5" s="23">
        <v>329</v>
      </c>
      <c r="N5" s="28">
        <v>316</v>
      </c>
      <c r="O5" s="24">
        <v>309</v>
      </c>
      <c r="P5" s="23">
        <v>299</v>
      </c>
      <c r="Q5" s="63">
        <v>278</v>
      </c>
    </row>
    <row r="6" spans="1:17" ht="20.100000000000001" customHeight="1" x14ac:dyDescent="0.4">
      <c r="A6" s="21" t="s">
        <v>63</v>
      </c>
      <c r="B6" s="52" t="s">
        <v>58</v>
      </c>
      <c r="C6" s="53" t="s">
        <v>58</v>
      </c>
      <c r="D6" s="53" t="s">
        <v>58</v>
      </c>
      <c r="E6" s="53" t="s">
        <v>58</v>
      </c>
      <c r="F6" s="53" t="s">
        <v>58</v>
      </c>
      <c r="G6" s="54">
        <v>365</v>
      </c>
      <c r="H6" s="54">
        <v>322</v>
      </c>
      <c r="I6" s="55">
        <v>282</v>
      </c>
      <c r="J6" s="24">
        <v>280</v>
      </c>
      <c r="K6" s="55">
        <v>279</v>
      </c>
      <c r="L6" s="23">
        <v>272</v>
      </c>
      <c r="M6" s="23">
        <v>268</v>
      </c>
      <c r="N6" s="28">
        <v>264</v>
      </c>
      <c r="O6" s="24">
        <v>262</v>
      </c>
      <c r="P6" s="23">
        <v>248</v>
      </c>
      <c r="Q6" s="63">
        <v>249</v>
      </c>
    </row>
    <row r="7" spans="1:17" ht="20.100000000000001" customHeight="1" x14ac:dyDescent="0.4">
      <c r="A7" s="21" t="s">
        <v>64</v>
      </c>
      <c r="B7" s="52" t="s">
        <v>58</v>
      </c>
      <c r="C7" s="53" t="s">
        <v>58</v>
      </c>
      <c r="D7" s="53" t="s">
        <v>58</v>
      </c>
      <c r="E7" s="53" t="s">
        <v>58</v>
      </c>
      <c r="F7" s="53" t="s">
        <v>58</v>
      </c>
      <c r="G7" s="54">
        <v>2423</v>
      </c>
      <c r="H7" s="54">
        <v>2397</v>
      </c>
      <c r="I7" s="55">
        <v>2273</v>
      </c>
      <c r="J7" s="24">
        <v>2217</v>
      </c>
      <c r="K7" s="55">
        <v>2170</v>
      </c>
      <c r="L7" s="23">
        <v>2121</v>
      </c>
      <c r="M7" s="23">
        <v>2098</v>
      </c>
      <c r="N7" s="28">
        <v>2060</v>
      </c>
      <c r="O7" s="24">
        <v>2023</v>
      </c>
      <c r="P7" s="23">
        <v>1984</v>
      </c>
      <c r="Q7" s="63">
        <v>1955</v>
      </c>
    </row>
    <row r="8" spans="1:17" ht="20.100000000000001" customHeight="1" x14ac:dyDescent="0.4">
      <c r="A8" s="21" t="s">
        <v>65</v>
      </c>
      <c r="B8" s="52" t="s">
        <v>58</v>
      </c>
      <c r="C8" s="53" t="s">
        <v>58</v>
      </c>
      <c r="D8" s="53" t="s">
        <v>58</v>
      </c>
      <c r="E8" s="53" t="s">
        <v>58</v>
      </c>
      <c r="F8" s="53" t="s">
        <v>58</v>
      </c>
      <c r="G8" s="54">
        <v>12844</v>
      </c>
      <c r="H8" s="54">
        <v>12673</v>
      </c>
      <c r="I8" s="55">
        <v>12259</v>
      </c>
      <c r="J8" s="24">
        <v>12127</v>
      </c>
      <c r="K8" s="55">
        <v>11961</v>
      </c>
      <c r="L8" s="23">
        <v>11822</v>
      </c>
      <c r="M8" s="23">
        <v>11636</v>
      </c>
      <c r="N8" s="28">
        <v>11413</v>
      </c>
      <c r="O8" s="24">
        <v>11224</v>
      </c>
      <c r="P8" s="23">
        <v>11102</v>
      </c>
      <c r="Q8" s="63">
        <v>10922</v>
      </c>
    </row>
    <row r="9" spans="1:17" ht="20.100000000000001" customHeight="1" x14ac:dyDescent="0.4">
      <c r="A9" s="21" t="s">
        <v>66</v>
      </c>
      <c r="B9" s="52" t="s">
        <v>58</v>
      </c>
      <c r="C9" s="53" t="s">
        <v>58</v>
      </c>
      <c r="D9" s="53" t="s">
        <v>58</v>
      </c>
      <c r="E9" s="53" t="s">
        <v>58</v>
      </c>
      <c r="F9" s="53" t="s">
        <v>58</v>
      </c>
      <c r="G9" s="54">
        <v>6713</v>
      </c>
      <c r="H9" s="54">
        <v>6933</v>
      </c>
      <c r="I9" s="55">
        <v>7142</v>
      </c>
      <c r="J9" s="24">
        <v>7144</v>
      </c>
      <c r="K9" s="55">
        <v>7259</v>
      </c>
      <c r="L9" s="23">
        <v>7362</v>
      </c>
      <c r="M9" s="23">
        <v>7463</v>
      </c>
      <c r="N9" s="28">
        <v>7600</v>
      </c>
      <c r="O9" s="24">
        <v>7711</v>
      </c>
      <c r="P9" s="23">
        <v>7720</v>
      </c>
      <c r="Q9" s="63">
        <v>7823</v>
      </c>
    </row>
    <row r="10" spans="1:17" ht="20.100000000000001" customHeight="1" x14ac:dyDescent="0.4">
      <c r="A10" s="9" t="s">
        <v>67</v>
      </c>
      <c r="B10" s="45" t="s">
        <v>58</v>
      </c>
      <c r="C10" s="46" t="s">
        <v>58</v>
      </c>
      <c r="D10" s="46" t="s">
        <v>58</v>
      </c>
      <c r="E10" s="46" t="s">
        <v>58</v>
      </c>
      <c r="F10" s="46" t="s">
        <v>58</v>
      </c>
      <c r="G10" s="47">
        <v>11575</v>
      </c>
      <c r="H10" s="47">
        <v>10953</v>
      </c>
      <c r="I10" s="11">
        <v>10378</v>
      </c>
      <c r="J10" s="11">
        <v>10240</v>
      </c>
      <c r="K10" s="11">
        <v>10117</v>
      </c>
      <c r="L10" s="11">
        <v>9983</v>
      </c>
      <c r="M10" s="11">
        <v>9723</v>
      </c>
      <c r="N10" s="11">
        <v>9474</v>
      </c>
      <c r="O10" s="12">
        <v>9240</v>
      </c>
      <c r="P10" s="11">
        <v>9048</v>
      </c>
      <c r="Q10" s="68">
        <v>8851</v>
      </c>
    </row>
    <row r="11" spans="1:17" ht="20.100000000000001" customHeight="1" x14ac:dyDescent="0.4">
      <c r="A11" s="21" t="s">
        <v>68</v>
      </c>
      <c r="B11" s="52" t="s">
        <v>58</v>
      </c>
      <c r="C11" s="53" t="s">
        <v>58</v>
      </c>
      <c r="D11" s="53" t="s">
        <v>58</v>
      </c>
      <c r="E11" s="53" t="s">
        <v>58</v>
      </c>
      <c r="F11" s="53" t="s">
        <v>58</v>
      </c>
      <c r="G11" s="54">
        <v>3496</v>
      </c>
      <c r="H11" s="54">
        <v>3288</v>
      </c>
      <c r="I11" s="55">
        <v>3097</v>
      </c>
      <c r="J11" s="24">
        <v>3040</v>
      </c>
      <c r="K11" s="55">
        <v>2947</v>
      </c>
      <c r="L11" s="23">
        <v>2856</v>
      </c>
      <c r="M11" s="23">
        <v>2772</v>
      </c>
      <c r="N11" s="28">
        <v>2708</v>
      </c>
      <c r="O11" s="24">
        <v>2655</v>
      </c>
      <c r="P11" s="23">
        <v>2570</v>
      </c>
      <c r="Q11" s="63">
        <v>2515</v>
      </c>
    </row>
    <row r="12" spans="1:17" ht="20.100000000000001" customHeight="1" x14ac:dyDescent="0.4">
      <c r="A12" s="21" t="s">
        <v>69</v>
      </c>
      <c r="B12" s="52" t="s">
        <v>58</v>
      </c>
      <c r="C12" s="53" t="s">
        <v>58</v>
      </c>
      <c r="D12" s="53" t="s">
        <v>58</v>
      </c>
      <c r="E12" s="53" t="s">
        <v>58</v>
      </c>
      <c r="F12" s="53" t="s">
        <v>58</v>
      </c>
      <c r="G12" s="54">
        <v>1360</v>
      </c>
      <c r="H12" s="54">
        <v>1170</v>
      </c>
      <c r="I12" s="55">
        <v>1003</v>
      </c>
      <c r="J12" s="24">
        <v>975</v>
      </c>
      <c r="K12" s="55">
        <v>934</v>
      </c>
      <c r="L12" s="23">
        <v>960</v>
      </c>
      <c r="M12" s="23">
        <v>888</v>
      </c>
      <c r="N12" s="28">
        <v>859</v>
      </c>
      <c r="O12" s="24">
        <v>824</v>
      </c>
      <c r="P12" s="23">
        <v>804</v>
      </c>
      <c r="Q12" s="63">
        <v>785</v>
      </c>
    </row>
    <row r="13" spans="1:17" ht="20.100000000000001" customHeight="1" x14ac:dyDescent="0.4">
      <c r="A13" s="21" t="s">
        <v>70</v>
      </c>
      <c r="B13" s="52" t="s">
        <v>58</v>
      </c>
      <c r="C13" s="53" t="s">
        <v>58</v>
      </c>
      <c r="D13" s="53" t="s">
        <v>58</v>
      </c>
      <c r="E13" s="53" t="s">
        <v>58</v>
      </c>
      <c r="F13" s="53" t="s">
        <v>58</v>
      </c>
      <c r="G13" s="54">
        <v>5332</v>
      </c>
      <c r="H13" s="54">
        <v>5406</v>
      </c>
      <c r="I13" s="55">
        <v>5277</v>
      </c>
      <c r="J13" s="24">
        <v>5227</v>
      </c>
      <c r="K13" s="55">
        <v>5237</v>
      </c>
      <c r="L13" s="23">
        <v>5199</v>
      </c>
      <c r="M13" s="23">
        <v>5126</v>
      </c>
      <c r="N13" s="28">
        <v>5031</v>
      </c>
      <c r="O13" s="24">
        <v>4917</v>
      </c>
      <c r="P13" s="23">
        <v>4854</v>
      </c>
      <c r="Q13" s="63">
        <v>4745</v>
      </c>
    </row>
    <row r="14" spans="1:17" ht="20.100000000000001" customHeight="1" x14ac:dyDescent="0.4">
      <c r="A14" s="21" t="s">
        <v>71</v>
      </c>
      <c r="B14" s="52" t="s">
        <v>58</v>
      </c>
      <c r="C14" s="53" t="s">
        <v>58</v>
      </c>
      <c r="D14" s="53" t="s">
        <v>58</v>
      </c>
      <c r="E14" s="53" t="s">
        <v>58</v>
      </c>
      <c r="F14" s="53" t="s">
        <v>58</v>
      </c>
      <c r="G14" s="54">
        <v>1387</v>
      </c>
      <c r="H14" s="54">
        <v>1089</v>
      </c>
      <c r="I14" s="55">
        <v>1001</v>
      </c>
      <c r="J14" s="24">
        <v>998</v>
      </c>
      <c r="K14" s="55">
        <v>999</v>
      </c>
      <c r="L14" s="23">
        <v>968</v>
      </c>
      <c r="M14" s="23">
        <v>937</v>
      </c>
      <c r="N14" s="28">
        <v>876</v>
      </c>
      <c r="O14" s="24">
        <v>844</v>
      </c>
      <c r="P14" s="23">
        <v>820</v>
      </c>
      <c r="Q14" s="63">
        <v>806</v>
      </c>
    </row>
    <row r="15" spans="1:17" ht="20.100000000000001" customHeight="1" x14ac:dyDescent="0.4">
      <c r="A15" s="9" t="s">
        <v>72</v>
      </c>
      <c r="B15" s="45" t="s">
        <v>58</v>
      </c>
      <c r="C15" s="46" t="s">
        <v>58</v>
      </c>
      <c r="D15" s="46" t="s">
        <v>58</v>
      </c>
      <c r="E15" s="46" t="s">
        <v>58</v>
      </c>
      <c r="F15" s="46" t="s">
        <v>58</v>
      </c>
      <c r="G15" s="47">
        <v>22318</v>
      </c>
      <c r="H15" s="47">
        <v>21473</v>
      </c>
      <c r="I15" s="11">
        <v>20568</v>
      </c>
      <c r="J15" s="11">
        <v>20416</v>
      </c>
      <c r="K15" s="11">
        <v>20265</v>
      </c>
      <c r="L15" s="11">
        <v>20041</v>
      </c>
      <c r="M15" s="11">
        <v>19693</v>
      </c>
      <c r="N15" s="11">
        <v>19391</v>
      </c>
      <c r="O15" s="12">
        <v>18990</v>
      </c>
      <c r="P15" s="11">
        <v>18618</v>
      </c>
      <c r="Q15" s="68">
        <v>18220</v>
      </c>
    </row>
    <row r="16" spans="1:17" ht="20.100000000000001" customHeight="1" x14ac:dyDescent="0.4">
      <c r="A16" s="21" t="s">
        <v>73</v>
      </c>
      <c r="B16" s="52" t="s">
        <v>58</v>
      </c>
      <c r="C16" s="53" t="s">
        <v>58</v>
      </c>
      <c r="D16" s="53" t="s">
        <v>58</v>
      </c>
      <c r="E16" s="53" t="s">
        <v>58</v>
      </c>
      <c r="F16" s="53" t="s">
        <v>58</v>
      </c>
      <c r="G16" s="54">
        <v>2829</v>
      </c>
      <c r="H16" s="54">
        <v>2537</v>
      </c>
      <c r="I16" s="55">
        <v>2308</v>
      </c>
      <c r="J16" s="24">
        <v>2274</v>
      </c>
      <c r="K16" s="55">
        <v>2219</v>
      </c>
      <c r="L16" s="23">
        <v>2189</v>
      </c>
      <c r="M16" s="23">
        <v>2128</v>
      </c>
      <c r="N16" s="28">
        <v>2078</v>
      </c>
      <c r="O16" s="24">
        <v>2005</v>
      </c>
      <c r="P16" s="23">
        <v>1946</v>
      </c>
      <c r="Q16" s="63">
        <v>1892</v>
      </c>
    </row>
    <row r="17" spans="1:17" ht="20.100000000000001" customHeight="1" x14ac:dyDescent="0.4">
      <c r="A17" s="21" t="s">
        <v>74</v>
      </c>
      <c r="B17" s="52" t="s">
        <v>58</v>
      </c>
      <c r="C17" s="53" t="s">
        <v>58</v>
      </c>
      <c r="D17" s="53" t="s">
        <v>58</v>
      </c>
      <c r="E17" s="53" t="s">
        <v>58</v>
      </c>
      <c r="F17" s="53" t="s">
        <v>58</v>
      </c>
      <c r="G17" s="54">
        <v>7506</v>
      </c>
      <c r="H17" s="54">
        <v>7465</v>
      </c>
      <c r="I17" s="55">
        <v>7388</v>
      </c>
      <c r="J17" s="24">
        <v>7354</v>
      </c>
      <c r="K17" s="55">
        <v>7334</v>
      </c>
      <c r="L17" s="23">
        <v>7275</v>
      </c>
      <c r="M17" s="23">
        <v>7175</v>
      </c>
      <c r="N17" s="28">
        <v>7073</v>
      </c>
      <c r="O17" s="24">
        <v>6949</v>
      </c>
      <c r="P17" s="23">
        <v>6887</v>
      </c>
      <c r="Q17" s="63">
        <v>6732</v>
      </c>
    </row>
    <row r="18" spans="1:17" ht="20.100000000000001" customHeight="1" x14ac:dyDescent="0.4">
      <c r="A18" s="21" t="s">
        <v>75</v>
      </c>
      <c r="B18" s="52" t="s">
        <v>58</v>
      </c>
      <c r="C18" s="53" t="s">
        <v>58</v>
      </c>
      <c r="D18" s="53" t="s">
        <v>58</v>
      </c>
      <c r="E18" s="53" t="s">
        <v>58</v>
      </c>
      <c r="F18" s="53" t="s">
        <v>58</v>
      </c>
      <c r="G18" s="54">
        <v>7299</v>
      </c>
      <c r="H18" s="54">
        <v>7277</v>
      </c>
      <c r="I18" s="55">
        <v>7173</v>
      </c>
      <c r="J18" s="24">
        <v>7143</v>
      </c>
      <c r="K18" s="55">
        <v>7125</v>
      </c>
      <c r="L18" s="23">
        <v>7062</v>
      </c>
      <c r="M18" s="23">
        <v>6977</v>
      </c>
      <c r="N18" s="28">
        <v>6930</v>
      </c>
      <c r="O18" s="24">
        <v>6822</v>
      </c>
      <c r="P18" s="23">
        <v>6680</v>
      </c>
      <c r="Q18" s="63">
        <v>6591</v>
      </c>
    </row>
    <row r="19" spans="1:17" ht="20.100000000000001" customHeight="1" x14ac:dyDescent="0.4">
      <c r="A19" s="21" t="s">
        <v>76</v>
      </c>
      <c r="B19" s="52" t="s">
        <v>58</v>
      </c>
      <c r="C19" s="53" t="s">
        <v>58</v>
      </c>
      <c r="D19" s="53" t="s">
        <v>58</v>
      </c>
      <c r="E19" s="53" t="s">
        <v>58</v>
      </c>
      <c r="F19" s="53" t="s">
        <v>58</v>
      </c>
      <c r="G19" s="54">
        <v>1054</v>
      </c>
      <c r="H19" s="54">
        <v>962</v>
      </c>
      <c r="I19" s="55">
        <v>873</v>
      </c>
      <c r="J19" s="24">
        <v>870</v>
      </c>
      <c r="K19" s="55">
        <v>841</v>
      </c>
      <c r="L19" s="23">
        <v>832</v>
      </c>
      <c r="M19" s="23">
        <v>824</v>
      </c>
      <c r="N19" s="28">
        <v>799</v>
      </c>
      <c r="O19" s="24">
        <v>779</v>
      </c>
      <c r="P19" s="23">
        <v>759</v>
      </c>
      <c r="Q19" s="63">
        <v>742</v>
      </c>
    </row>
    <row r="20" spans="1:17" ht="20.100000000000001" customHeight="1" x14ac:dyDescent="0.4">
      <c r="A20" s="21" t="s">
        <v>77</v>
      </c>
      <c r="B20" s="52" t="s">
        <v>58</v>
      </c>
      <c r="C20" s="53" t="s">
        <v>58</v>
      </c>
      <c r="D20" s="53" t="s">
        <v>58</v>
      </c>
      <c r="E20" s="53" t="s">
        <v>58</v>
      </c>
      <c r="F20" s="53" t="s">
        <v>58</v>
      </c>
      <c r="G20" s="54">
        <v>635</v>
      </c>
      <c r="H20" s="54">
        <v>574</v>
      </c>
      <c r="I20" s="55">
        <v>500</v>
      </c>
      <c r="J20" s="24">
        <v>472</v>
      </c>
      <c r="K20" s="55">
        <v>461</v>
      </c>
      <c r="L20" s="23">
        <v>444</v>
      </c>
      <c r="M20" s="23">
        <v>418</v>
      </c>
      <c r="N20" s="28">
        <v>405</v>
      </c>
      <c r="O20" s="24">
        <v>388</v>
      </c>
      <c r="P20" s="23">
        <v>373</v>
      </c>
      <c r="Q20" s="63">
        <v>374</v>
      </c>
    </row>
    <row r="21" spans="1:17" ht="20.100000000000001" customHeight="1" x14ac:dyDescent="0.4">
      <c r="A21" s="21" t="s">
        <v>78</v>
      </c>
      <c r="B21" s="52" t="s">
        <v>58</v>
      </c>
      <c r="C21" s="53" t="s">
        <v>58</v>
      </c>
      <c r="D21" s="53" t="s">
        <v>58</v>
      </c>
      <c r="E21" s="53" t="s">
        <v>58</v>
      </c>
      <c r="F21" s="53" t="s">
        <v>58</v>
      </c>
      <c r="G21" s="54">
        <v>1627</v>
      </c>
      <c r="H21" s="54">
        <v>1407</v>
      </c>
      <c r="I21" s="55">
        <v>1259</v>
      </c>
      <c r="J21" s="24">
        <v>1246</v>
      </c>
      <c r="K21" s="55">
        <v>1253</v>
      </c>
      <c r="L21" s="23">
        <v>1243</v>
      </c>
      <c r="M21" s="23">
        <v>1207</v>
      </c>
      <c r="N21" s="28">
        <v>1183</v>
      </c>
      <c r="O21" s="24">
        <v>1163</v>
      </c>
      <c r="P21" s="23">
        <v>1128</v>
      </c>
      <c r="Q21" s="63">
        <v>1107</v>
      </c>
    </row>
    <row r="22" spans="1:17" ht="20.100000000000001" customHeight="1" x14ac:dyDescent="0.4">
      <c r="A22" s="21" t="s">
        <v>79</v>
      </c>
      <c r="B22" s="52" t="s">
        <v>58</v>
      </c>
      <c r="C22" s="53" t="s">
        <v>58</v>
      </c>
      <c r="D22" s="53" t="s">
        <v>58</v>
      </c>
      <c r="E22" s="53" t="s">
        <v>58</v>
      </c>
      <c r="F22" s="53" t="s">
        <v>58</v>
      </c>
      <c r="G22" s="54">
        <v>1011</v>
      </c>
      <c r="H22" s="54">
        <v>938</v>
      </c>
      <c r="I22" s="55">
        <v>804</v>
      </c>
      <c r="J22" s="24">
        <v>793</v>
      </c>
      <c r="K22" s="55">
        <v>780</v>
      </c>
      <c r="L22" s="23">
        <v>757</v>
      </c>
      <c r="M22" s="23">
        <v>738</v>
      </c>
      <c r="N22" s="28">
        <v>714</v>
      </c>
      <c r="O22" s="24">
        <v>688</v>
      </c>
      <c r="P22" s="23">
        <v>659</v>
      </c>
      <c r="Q22" s="63">
        <v>602</v>
      </c>
    </row>
    <row r="23" spans="1:17" ht="20.100000000000001" customHeight="1" x14ac:dyDescent="0.4">
      <c r="A23" s="21" t="s">
        <v>80</v>
      </c>
      <c r="B23" s="52" t="s">
        <v>58</v>
      </c>
      <c r="C23" s="53" t="s">
        <v>58</v>
      </c>
      <c r="D23" s="53" t="s">
        <v>58</v>
      </c>
      <c r="E23" s="53" t="s">
        <v>58</v>
      </c>
      <c r="F23" s="53" t="s">
        <v>58</v>
      </c>
      <c r="G23" s="54">
        <v>271</v>
      </c>
      <c r="H23" s="54">
        <v>243</v>
      </c>
      <c r="I23" s="55">
        <v>203</v>
      </c>
      <c r="J23" s="24">
        <v>201</v>
      </c>
      <c r="K23" s="55">
        <v>191</v>
      </c>
      <c r="L23" s="23">
        <v>182</v>
      </c>
      <c r="M23" s="23">
        <v>173</v>
      </c>
      <c r="N23" s="28">
        <v>161</v>
      </c>
      <c r="O23" s="24">
        <v>146</v>
      </c>
      <c r="P23" s="23">
        <v>138</v>
      </c>
      <c r="Q23" s="63">
        <v>134</v>
      </c>
    </row>
    <row r="24" spans="1:17" ht="20.100000000000001" customHeight="1" x14ac:dyDescent="0.4">
      <c r="A24" s="21" t="s">
        <v>81</v>
      </c>
      <c r="B24" s="52" t="s">
        <v>58</v>
      </c>
      <c r="C24" s="53" t="s">
        <v>58</v>
      </c>
      <c r="D24" s="53" t="s">
        <v>58</v>
      </c>
      <c r="E24" s="53" t="s">
        <v>58</v>
      </c>
      <c r="F24" s="53" t="s">
        <v>58</v>
      </c>
      <c r="G24" s="54">
        <v>86</v>
      </c>
      <c r="H24" s="54">
        <v>70</v>
      </c>
      <c r="I24" s="55">
        <v>60</v>
      </c>
      <c r="J24" s="24">
        <v>63</v>
      </c>
      <c r="K24" s="55">
        <v>61</v>
      </c>
      <c r="L24" s="23">
        <v>57</v>
      </c>
      <c r="M24" s="23">
        <v>53</v>
      </c>
      <c r="N24" s="28">
        <v>48</v>
      </c>
      <c r="O24" s="24">
        <v>50</v>
      </c>
      <c r="P24" s="23">
        <v>48</v>
      </c>
      <c r="Q24" s="63">
        <v>46</v>
      </c>
    </row>
    <row r="25" spans="1:17" ht="20.100000000000001" customHeight="1" x14ac:dyDescent="0.4">
      <c r="A25" s="9" t="s">
        <v>82</v>
      </c>
      <c r="B25" s="45" t="s">
        <v>58</v>
      </c>
      <c r="C25" s="46" t="s">
        <v>58</v>
      </c>
      <c r="D25" s="46" t="s">
        <v>58</v>
      </c>
      <c r="E25" s="46" t="s">
        <v>58</v>
      </c>
      <c r="F25" s="46" t="s">
        <v>58</v>
      </c>
      <c r="G25" s="47">
        <v>36296</v>
      </c>
      <c r="H25" s="47">
        <v>40014</v>
      </c>
      <c r="I25" s="11">
        <v>41074</v>
      </c>
      <c r="J25" s="11">
        <v>41192</v>
      </c>
      <c r="K25" s="11">
        <v>41307</v>
      </c>
      <c r="L25" s="11">
        <v>41588</v>
      </c>
      <c r="M25" s="11">
        <v>41546</v>
      </c>
      <c r="N25" s="11">
        <v>41366</v>
      </c>
      <c r="O25" s="12">
        <v>41196</v>
      </c>
      <c r="P25" s="11">
        <v>41131</v>
      </c>
      <c r="Q25" s="68">
        <v>40873</v>
      </c>
    </row>
    <row r="26" spans="1:17" ht="20.100000000000001" customHeight="1" x14ac:dyDescent="0.4">
      <c r="A26" s="21" t="s">
        <v>83</v>
      </c>
      <c r="B26" s="52" t="s">
        <v>58</v>
      </c>
      <c r="C26" s="53" t="s">
        <v>58</v>
      </c>
      <c r="D26" s="53" t="s">
        <v>58</v>
      </c>
      <c r="E26" s="53" t="s">
        <v>58</v>
      </c>
      <c r="F26" s="53" t="s">
        <v>58</v>
      </c>
      <c r="G26" s="54">
        <v>9712</v>
      </c>
      <c r="H26" s="54">
        <v>11644</v>
      </c>
      <c r="I26" s="55">
        <v>12022</v>
      </c>
      <c r="J26" s="24">
        <v>12058</v>
      </c>
      <c r="K26" s="55">
        <v>12074</v>
      </c>
      <c r="L26" s="23">
        <v>12131</v>
      </c>
      <c r="M26" s="23">
        <v>12180</v>
      </c>
      <c r="N26" s="28">
        <v>12100</v>
      </c>
      <c r="O26" s="24">
        <v>12006</v>
      </c>
      <c r="P26" s="23">
        <v>11982</v>
      </c>
      <c r="Q26" s="63">
        <v>11928</v>
      </c>
    </row>
    <row r="27" spans="1:17" ht="20.100000000000001" customHeight="1" x14ac:dyDescent="0.4">
      <c r="A27" s="21" t="s">
        <v>84</v>
      </c>
      <c r="B27" s="52" t="s">
        <v>58</v>
      </c>
      <c r="C27" s="53" t="s">
        <v>58</v>
      </c>
      <c r="D27" s="53" t="s">
        <v>58</v>
      </c>
      <c r="E27" s="53" t="s">
        <v>58</v>
      </c>
      <c r="F27" s="53" t="s">
        <v>58</v>
      </c>
      <c r="G27" s="54">
        <v>8345</v>
      </c>
      <c r="H27" s="54">
        <v>10582</v>
      </c>
      <c r="I27" s="55">
        <v>11537</v>
      </c>
      <c r="J27" s="55">
        <v>11625</v>
      </c>
      <c r="K27" s="24">
        <v>11774</v>
      </c>
      <c r="L27" s="55">
        <v>11996</v>
      </c>
      <c r="M27" s="23">
        <v>11901</v>
      </c>
      <c r="N27" s="23">
        <v>11918</v>
      </c>
      <c r="O27" s="34">
        <v>11911</v>
      </c>
      <c r="P27" s="23">
        <v>11872</v>
      </c>
      <c r="Q27" s="63">
        <v>11852</v>
      </c>
    </row>
    <row r="28" spans="1:17" ht="20.100000000000001" customHeight="1" x14ac:dyDescent="0.4">
      <c r="A28" s="21" t="s">
        <v>85</v>
      </c>
      <c r="B28" s="52" t="s">
        <v>58</v>
      </c>
      <c r="C28" s="53" t="s">
        <v>58</v>
      </c>
      <c r="D28" s="53" t="s">
        <v>58</v>
      </c>
      <c r="E28" s="53" t="s">
        <v>58</v>
      </c>
      <c r="F28" s="53" t="s">
        <v>58</v>
      </c>
      <c r="G28" s="54">
        <v>1643</v>
      </c>
      <c r="H28" s="54">
        <v>1543</v>
      </c>
      <c r="I28" s="55">
        <v>1445</v>
      </c>
      <c r="J28" s="55">
        <v>1458</v>
      </c>
      <c r="K28" s="24">
        <v>1450</v>
      </c>
      <c r="L28" s="55">
        <v>1456</v>
      </c>
      <c r="M28" s="23">
        <v>1452</v>
      </c>
      <c r="N28" s="23">
        <v>1439</v>
      </c>
      <c r="O28" s="34">
        <v>1420</v>
      </c>
      <c r="P28" s="23">
        <v>1415</v>
      </c>
      <c r="Q28" s="63">
        <v>1401</v>
      </c>
    </row>
    <row r="29" spans="1:17" ht="20.100000000000001" customHeight="1" x14ac:dyDescent="0.4">
      <c r="A29" s="21" t="s">
        <v>86</v>
      </c>
      <c r="B29" s="52" t="s">
        <v>58</v>
      </c>
      <c r="C29" s="53" t="s">
        <v>58</v>
      </c>
      <c r="D29" s="53" t="s">
        <v>58</v>
      </c>
      <c r="E29" s="53" t="s">
        <v>58</v>
      </c>
      <c r="F29" s="53" t="s">
        <v>58</v>
      </c>
      <c r="G29" s="54">
        <v>2278</v>
      </c>
      <c r="H29" s="54">
        <v>2213</v>
      </c>
      <c r="I29" s="55">
        <v>2198</v>
      </c>
      <c r="J29" s="55">
        <v>2274</v>
      </c>
      <c r="K29" s="24">
        <v>2283</v>
      </c>
      <c r="L29" s="55">
        <v>2291</v>
      </c>
      <c r="M29" s="23">
        <v>2278</v>
      </c>
      <c r="N29" s="23">
        <v>2273</v>
      </c>
      <c r="O29" s="34">
        <v>2249</v>
      </c>
      <c r="P29" s="23">
        <v>2243</v>
      </c>
      <c r="Q29" s="63">
        <v>2202</v>
      </c>
    </row>
    <row r="30" spans="1:17" ht="20.100000000000001" customHeight="1" x14ac:dyDescent="0.4">
      <c r="A30" s="21" t="s">
        <v>87</v>
      </c>
      <c r="B30" s="52" t="s">
        <v>58</v>
      </c>
      <c r="C30" s="53" t="s">
        <v>58</v>
      </c>
      <c r="D30" s="53" t="s">
        <v>58</v>
      </c>
      <c r="E30" s="53" t="s">
        <v>58</v>
      </c>
      <c r="F30" s="53" t="s">
        <v>58</v>
      </c>
      <c r="G30" s="54">
        <v>3196</v>
      </c>
      <c r="H30" s="54">
        <v>3170</v>
      </c>
      <c r="I30" s="55">
        <v>3299</v>
      </c>
      <c r="J30" s="24">
        <v>3334</v>
      </c>
      <c r="K30" s="55">
        <v>3359</v>
      </c>
      <c r="L30" s="23">
        <v>3401</v>
      </c>
      <c r="M30" s="23">
        <v>3494</v>
      </c>
      <c r="N30" s="28">
        <v>3542</v>
      </c>
      <c r="O30" s="24">
        <v>3623</v>
      </c>
      <c r="P30" s="23">
        <v>3657</v>
      </c>
      <c r="Q30" s="63">
        <v>3628</v>
      </c>
    </row>
    <row r="31" spans="1:17" ht="20.100000000000001" customHeight="1" x14ac:dyDescent="0.4">
      <c r="A31" s="21" t="s">
        <v>88</v>
      </c>
      <c r="B31" s="52" t="s">
        <v>58</v>
      </c>
      <c r="C31" s="53" t="s">
        <v>58</v>
      </c>
      <c r="D31" s="53" t="s">
        <v>58</v>
      </c>
      <c r="E31" s="53" t="s">
        <v>58</v>
      </c>
      <c r="F31" s="53" t="s">
        <v>58</v>
      </c>
      <c r="G31" s="54">
        <v>4347</v>
      </c>
      <c r="H31" s="54">
        <v>4330</v>
      </c>
      <c r="I31" s="55">
        <v>4045</v>
      </c>
      <c r="J31" s="24">
        <v>3978</v>
      </c>
      <c r="K31" s="55">
        <v>3973</v>
      </c>
      <c r="L31" s="23">
        <v>3956</v>
      </c>
      <c r="M31" s="23">
        <v>3935</v>
      </c>
      <c r="N31" s="28">
        <v>3851</v>
      </c>
      <c r="O31" s="24">
        <v>3831</v>
      </c>
      <c r="P31" s="23">
        <v>3802</v>
      </c>
      <c r="Q31" s="63">
        <v>3722</v>
      </c>
    </row>
    <row r="32" spans="1:17" ht="20.100000000000001" customHeight="1" x14ac:dyDescent="0.4">
      <c r="A32" s="21" t="s">
        <v>89</v>
      </c>
      <c r="B32" s="52" t="s">
        <v>58</v>
      </c>
      <c r="C32" s="53" t="s">
        <v>58</v>
      </c>
      <c r="D32" s="53" t="s">
        <v>58</v>
      </c>
      <c r="E32" s="53" t="s">
        <v>58</v>
      </c>
      <c r="F32" s="53" t="s">
        <v>58</v>
      </c>
      <c r="G32" s="54">
        <v>1706</v>
      </c>
      <c r="H32" s="54">
        <v>1560</v>
      </c>
      <c r="I32" s="55">
        <v>1511</v>
      </c>
      <c r="J32" s="24">
        <v>1470</v>
      </c>
      <c r="K32" s="55">
        <v>1443</v>
      </c>
      <c r="L32" s="23">
        <v>1428</v>
      </c>
      <c r="M32" s="23">
        <v>1388</v>
      </c>
      <c r="N32" s="28">
        <v>1351</v>
      </c>
      <c r="O32" s="24">
        <v>1316</v>
      </c>
      <c r="P32" s="23">
        <v>1279</v>
      </c>
      <c r="Q32" s="63">
        <v>1260</v>
      </c>
    </row>
    <row r="33" spans="1:17" ht="20.100000000000001" customHeight="1" x14ac:dyDescent="0.4">
      <c r="A33" s="21" t="s">
        <v>90</v>
      </c>
      <c r="B33" s="52" t="s">
        <v>58</v>
      </c>
      <c r="C33" s="53" t="s">
        <v>58</v>
      </c>
      <c r="D33" s="53" t="s">
        <v>58</v>
      </c>
      <c r="E33" s="53" t="s">
        <v>58</v>
      </c>
      <c r="F33" s="53" t="s">
        <v>58</v>
      </c>
      <c r="G33" s="54">
        <v>5069</v>
      </c>
      <c r="H33" s="54">
        <v>4972</v>
      </c>
      <c r="I33" s="55">
        <v>5017</v>
      </c>
      <c r="J33" s="24">
        <v>4995</v>
      </c>
      <c r="K33" s="55">
        <v>4951</v>
      </c>
      <c r="L33" s="23">
        <v>4929</v>
      </c>
      <c r="M33" s="23">
        <v>4918</v>
      </c>
      <c r="N33" s="28">
        <v>4892</v>
      </c>
      <c r="O33" s="24">
        <v>4840</v>
      </c>
      <c r="P33" s="23">
        <v>4881</v>
      </c>
      <c r="Q33" s="63">
        <v>4880</v>
      </c>
    </row>
    <row r="34" spans="1:17" ht="20.100000000000001" customHeight="1" x14ac:dyDescent="0.4">
      <c r="A34" s="9" t="s">
        <v>91</v>
      </c>
      <c r="B34" s="45" t="s">
        <v>58</v>
      </c>
      <c r="C34" s="46" t="s">
        <v>58</v>
      </c>
      <c r="D34" s="46" t="s">
        <v>58</v>
      </c>
      <c r="E34" s="46" t="s">
        <v>58</v>
      </c>
      <c r="F34" s="46" t="s">
        <v>58</v>
      </c>
      <c r="G34" s="47">
        <v>1872</v>
      </c>
      <c r="H34" s="47">
        <v>1732</v>
      </c>
      <c r="I34" s="11">
        <v>1568</v>
      </c>
      <c r="J34" s="11">
        <v>1530</v>
      </c>
      <c r="K34" s="11">
        <v>1476</v>
      </c>
      <c r="L34" s="11">
        <v>1451</v>
      </c>
      <c r="M34" s="11">
        <v>1398</v>
      </c>
      <c r="N34" s="11">
        <v>1369</v>
      </c>
      <c r="O34" s="12">
        <v>1346</v>
      </c>
      <c r="P34" s="11">
        <v>1290</v>
      </c>
      <c r="Q34" s="68">
        <v>1276</v>
      </c>
    </row>
    <row r="35" spans="1:17" ht="20.100000000000001" customHeight="1" x14ac:dyDescent="0.4">
      <c r="A35" s="21" t="s">
        <v>92</v>
      </c>
      <c r="B35" s="52" t="s">
        <v>58</v>
      </c>
      <c r="C35" s="53" t="s">
        <v>58</v>
      </c>
      <c r="D35" s="53" t="s">
        <v>58</v>
      </c>
      <c r="E35" s="53" t="s">
        <v>58</v>
      </c>
      <c r="F35" s="53" t="s">
        <v>58</v>
      </c>
      <c r="G35" s="54">
        <v>33</v>
      </c>
      <c r="H35" s="54">
        <v>28</v>
      </c>
      <c r="I35" s="55">
        <v>16</v>
      </c>
      <c r="J35" s="55">
        <v>15</v>
      </c>
      <c r="K35" s="55">
        <v>14</v>
      </c>
      <c r="L35" s="55">
        <v>14</v>
      </c>
      <c r="M35" s="55">
        <v>14</v>
      </c>
      <c r="N35" s="55">
        <v>11</v>
      </c>
      <c r="O35" s="55">
        <v>11</v>
      </c>
      <c r="P35" s="72">
        <v>10</v>
      </c>
      <c r="Q35" s="69">
        <v>10</v>
      </c>
    </row>
    <row r="36" spans="1:17" ht="20.100000000000001" customHeight="1" x14ac:dyDescent="0.4">
      <c r="A36" s="21" t="s">
        <v>93</v>
      </c>
      <c r="B36" s="52" t="s">
        <v>58</v>
      </c>
      <c r="C36" s="53" t="s">
        <v>58</v>
      </c>
      <c r="D36" s="53" t="s">
        <v>58</v>
      </c>
      <c r="E36" s="53" t="s">
        <v>58</v>
      </c>
      <c r="F36" s="53" t="s">
        <v>58</v>
      </c>
      <c r="G36" s="54">
        <v>1250</v>
      </c>
      <c r="H36" s="54">
        <v>1144</v>
      </c>
      <c r="I36" s="55">
        <v>1049</v>
      </c>
      <c r="J36" s="55">
        <v>1026</v>
      </c>
      <c r="K36" s="55">
        <v>981</v>
      </c>
      <c r="L36" s="55">
        <v>966</v>
      </c>
      <c r="M36" s="55">
        <v>933</v>
      </c>
      <c r="N36" s="55">
        <v>909</v>
      </c>
      <c r="O36" s="55">
        <v>894</v>
      </c>
      <c r="P36" s="54">
        <v>853</v>
      </c>
      <c r="Q36" s="70">
        <v>840</v>
      </c>
    </row>
    <row r="37" spans="1:17" ht="20.100000000000001" customHeight="1" x14ac:dyDescent="0.4">
      <c r="A37" s="21" t="s">
        <v>94</v>
      </c>
      <c r="B37" s="52" t="s">
        <v>58</v>
      </c>
      <c r="C37" s="53" t="s">
        <v>58</v>
      </c>
      <c r="D37" s="53" t="s">
        <v>58</v>
      </c>
      <c r="E37" s="53" t="s">
        <v>58</v>
      </c>
      <c r="F37" s="53" t="s">
        <v>58</v>
      </c>
      <c r="G37" s="54">
        <v>234</v>
      </c>
      <c r="H37" s="54">
        <v>218</v>
      </c>
      <c r="I37" s="55">
        <v>195</v>
      </c>
      <c r="J37" s="55">
        <v>184</v>
      </c>
      <c r="K37" s="55">
        <v>181</v>
      </c>
      <c r="L37" s="55">
        <v>176</v>
      </c>
      <c r="M37" s="55">
        <v>168</v>
      </c>
      <c r="N37" s="55">
        <v>168</v>
      </c>
      <c r="O37" s="55">
        <v>165</v>
      </c>
      <c r="P37" s="54">
        <v>160</v>
      </c>
      <c r="Q37" s="70">
        <v>160</v>
      </c>
    </row>
    <row r="38" spans="1:17" ht="20.100000000000001" customHeight="1" x14ac:dyDescent="0.4">
      <c r="A38" s="21" t="s">
        <v>95</v>
      </c>
      <c r="B38" s="52" t="s">
        <v>58</v>
      </c>
      <c r="C38" s="53" t="s">
        <v>58</v>
      </c>
      <c r="D38" s="53" t="s">
        <v>58</v>
      </c>
      <c r="E38" s="53" t="s">
        <v>58</v>
      </c>
      <c r="F38" s="53" t="s">
        <v>58</v>
      </c>
      <c r="G38" s="54">
        <v>355</v>
      </c>
      <c r="H38" s="54">
        <v>342</v>
      </c>
      <c r="I38" s="55">
        <v>308</v>
      </c>
      <c r="J38" s="55">
        <v>305</v>
      </c>
      <c r="K38" s="55">
        <v>300</v>
      </c>
      <c r="L38" s="55">
        <v>295</v>
      </c>
      <c r="M38" s="55">
        <v>283</v>
      </c>
      <c r="N38" s="55">
        <v>281</v>
      </c>
      <c r="O38" s="56">
        <v>276</v>
      </c>
      <c r="P38" s="43">
        <v>267</v>
      </c>
      <c r="Q38" s="71">
        <v>266</v>
      </c>
    </row>
    <row r="39" spans="1:17" ht="20.100000000000001" customHeight="1" x14ac:dyDescent="0.4">
      <c r="A39" s="9" t="s">
        <v>96</v>
      </c>
      <c r="B39" s="45" t="s">
        <v>58</v>
      </c>
      <c r="C39" s="46" t="s">
        <v>58</v>
      </c>
      <c r="D39" s="46" t="s">
        <v>58</v>
      </c>
      <c r="E39" s="46" t="s">
        <v>58</v>
      </c>
      <c r="F39" s="46" t="s">
        <v>58</v>
      </c>
      <c r="G39" s="47">
        <v>1781</v>
      </c>
      <c r="H39" s="47">
        <v>1610</v>
      </c>
      <c r="I39" s="11">
        <v>1424</v>
      </c>
      <c r="J39" s="11">
        <v>1371</v>
      </c>
      <c r="K39" s="11">
        <v>1337</v>
      </c>
      <c r="L39" s="11">
        <v>1301</v>
      </c>
      <c r="M39" s="11">
        <v>1247</v>
      </c>
      <c r="N39" s="11">
        <v>1241</v>
      </c>
      <c r="O39" s="12">
        <v>1214</v>
      </c>
      <c r="P39" s="11">
        <v>1181</v>
      </c>
      <c r="Q39" s="68">
        <v>1141</v>
      </c>
    </row>
    <row r="40" spans="1:17" ht="20.100000000000001" customHeight="1" x14ac:dyDescent="0.4">
      <c r="A40" s="21" t="s">
        <v>97</v>
      </c>
      <c r="B40" s="52" t="s">
        <v>58</v>
      </c>
      <c r="C40" s="53" t="s">
        <v>58</v>
      </c>
      <c r="D40" s="53" t="s">
        <v>58</v>
      </c>
      <c r="E40" s="53" t="s">
        <v>58</v>
      </c>
      <c r="F40" s="53" t="s">
        <v>58</v>
      </c>
      <c r="G40" s="54">
        <v>1260</v>
      </c>
      <c r="H40" s="54">
        <v>1187</v>
      </c>
      <c r="I40" s="55">
        <v>1088</v>
      </c>
      <c r="J40" s="24">
        <v>1051</v>
      </c>
      <c r="K40" s="55">
        <v>1026</v>
      </c>
      <c r="L40" s="23">
        <v>1002</v>
      </c>
      <c r="M40" s="23">
        <v>957</v>
      </c>
      <c r="N40" s="28">
        <v>960</v>
      </c>
      <c r="O40" s="24">
        <v>948</v>
      </c>
      <c r="P40" s="23">
        <v>924</v>
      </c>
      <c r="Q40" s="63">
        <v>898</v>
      </c>
    </row>
    <row r="41" spans="1:17" ht="20.100000000000001" customHeight="1" x14ac:dyDescent="0.4">
      <c r="A41" s="40" t="s">
        <v>98</v>
      </c>
      <c r="B41" s="41" t="s">
        <v>58</v>
      </c>
      <c r="C41" s="42" t="s">
        <v>58</v>
      </c>
      <c r="D41" s="42" t="s">
        <v>58</v>
      </c>
      <c r="E41" s="42" t="s">
        <v>58</v>
      </c>
      <c r="F41" s="42" t="s">
        <v>58</v>
      </c>
      <c r="G41" s="43">
        <v>521</v>
      </c>
      <c r="H41" s="43">
        <v>423</v>
      </c>
      <c r="I41" s="56">
        <v>336</v>
      </c>
      <c r="J41" s="44">
        <v>320</v>
      </c>
      <c r="K41" s="56">
        <v>311</v>
      </c>
      <c r="L41" s="57">
        <v>299</v>
      </c>
      <c r="M41" s="57">
        <v>290</v>
      </c>
      <c r="N41" s="58">
        <v>281</v>
      </c>
      <c r="O41" s="44">
        <v>266</v>
      </c>
      <c r="P41" s="57">
        <v>257</v>
      </c>
      <c r="Q41" s="66">
        <v>243</v>
      </c>
    </row>
    <row r="42" spans="1:17" ht="15" customHeight="1" x14ac:dyDescent="0.4">
      <c r="A42" s="59"/>
      <c r="B42" s="59"/>
      <c r="C42" s="59"/>
      <c r="D42" s="59"/>
      <c r="E42" s="59"/>
      <c r="F42" s="59"/>
      <c r="G42" s="59"/>
      <c r="H42" s="59"/>
      <c r="I42" s="59"/>
      <c r="J42" s="59"/>
      <c r="K42" s="59"/>
      <c r="L42" s="59"/>
      <c r="M42" s="59"/>
      <c r="N42" s="59"/>
      <c r="O42" s="59"/>
      <c r="P42" s="59"/>
      <c r="Q42" s="59"/>
    </row>
  </sheetData>
  <mergeCells count="1">
    <mergeCell ref="A1:M1"/>
  </mergeCells>
  <phoneticPr fontId="3"/>
  <pageMargins left="0.78740157480314965" right="0.31496062992125984" top="0.51181102362204722" bottom="0.86614173228346458" header="0.51181102362204722" footer="0.51181102362204722"/>
  <pageSetup paperSize="9" scale="61" firstPageNumber="15" orientation="landscape" useFirstPageNumber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５．人口（富山地域）</vt:lpstr>
      <vt:lpstr>５．人口（大沢野～細入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8:59Z</dcterms:created>
  <dcterms:modified xsi:type="dcterms:W3CDTF">2023-12-08T04:47:22Z</dcterms:modified>
</cp:coreProperties>
</file>